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drawings/drawing2.xml" ContentType="application/vnd.openxmlformats-officedocument.drawing+xml"/>
  <Override PartName="/xl/drawings/drawing3.xml" ContentType="application/vnd.openxmlformats-officedocument.drawing+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71_在宅医療\03.看護職員就業実態調査（訪問看護ステーション）\02 集計\結果\"/>
    </mc:Choice>
  </mc:AlternateContent>
  <bookViews>
    <workbookView xWindow="0" yWindow="0" windowWidth="20490" windowHeight="7470"/>
  </bookViews>
  <sheets>
    <sheet name="Ⅰ結果概要" sheetId="1" r:id="rId1"/>
    <sheet name="事業所の情報" sheetId="29" state="hidden" r:id="rId2"/>
    <sheet name="Ⅱ結果1.離職率" sheetId="2" r:id="rId3"/>
    <sheet name="1.離職率 前年との比較" sheetId="38" state="hidden" r:id="rId4"/>
    <sheet name="2.男女別・年代別・看護職以外" sheetId="60" r:id="rId5"/>
    <sheet name="3.退職理由 " sheetId="73" r:id="rId6"/>
    <sheet name="4.二次医療圏別" sheetId="82" r:id="rId7"/>
    <sheet name="5.経験者採用" sheetId="9" r:id="rId8"/>
    <sheet name="8・９.特定行為研修" sheetId="11" state="hidden" r:id="rId9"/>
    <sheet name="管理者研修無しの施設の背景" sheetId="42" state="hidden" r:id="rId10"/>
    <sheet name="１１.チラシについて" sheetId="31" state="hidden" r:id="rId11"/>
    <sheet name="6.新卒7.専門認定他8.特定行為9.講習会" sheetId="72" r:id="rId12"/>
    <sheet name="10.訪問看護チラシ" sheetId="44" r:id="rId13"/>
    <sheet name="チラシ活用" sheetId="47" state="hidden" r:id="rId14"/>
    <sheet name="チラシ意見" sheetId="48" state="hidden" r:id="rId15"/>
  </sheets>
  <definedNames>
    <definedName name="_xlnm.Print_Area" localSheetId="3">'1.離職率 前年との比較'!$A$1:$J$19</definedName>
    <definedName name="_xlnm.Print_Area" localSheetId="12">'10.訪問看護チラシ'!$A$1:$J$22</definedName>
    <definedName name="_xlnm.Print_Area" localSheetId="10">'１１.チラシについて'!$A$1:$G$159</definedName>
    <definedName name="_xlnm.Print_Area" localSheetId="4">'2.男女別・年代別・看護職以外'!$A$1:$O$35</definedName>
    <definedName name="_xlnm.Print_Area" localSheetId="5">'3.退職理由 '!$A$1:$N$12</definedName>
    <definedName name="_xlnm.Print_Area" localSheetId="6">'4.二次医療圏別'!$A$1:$O$44</definedName>
    <definedName name="_xlnm.Print_Area" localSheetId="7">'5.経験者採用'!$A$1:$J$28</definedName>
    <definedName name="_xlnm.Print_Area" localSheetId="11">'6.新卒7.専門認定他8.特定行為9.講習会'!$A$1:$I$45</definedName>
    <definedName name="_xlnm.Print_Area" localSheetId="8">'8・９.特定行為研修'!$A$1:$G$27</definedName>
    <definedName name="_xlnm.Print_Area" localSheetId="0">Ⅰ結果概要!$A$1:$H$66</definedName>
    <definedName name="_xlnm.Print_Area" localSheetId="2">'Ⅱ結果1.離職率'!$A$1:$N$35</definedName>
    <definedName name="_xlnm.Print_Area" localSheetId="14">チラシ意見!$A$1:$B$16</definedName>
    <definedName name="_xlnm.Print_Area" localSheetId="1">事業所の情報!$A$1:$I$3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7" i="11" l="1"/>
  <c r="D17" i="11"/>
  <c r="B17" i="11"/>
</calcChain>
</file>

<file path=xl/sharedStrings.xml><?xml version="1.0" encoding="utf-8"?>
<sst xmlns="http://schemas.openxmlformats.org/spreadsheetml/2006/main" count="879" uniqueCount="588">
  <si>
    <t>Ⅱ　結果</t>
    <rPh sb="2" eb="4">
      <t>ケッカ</t>
    </rPh>
    <phoneticPr fontId="1"/>
  </si>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Ⅰ　調査方法及び概要</t>
    <rPh sb="2" eb="4">
      <t>チョウサ</t>
    </rPh>
    <rPh sb="4" eb="6">
      <t>ホウホウ</t>
    </rPh>
    <rPh sb="6" eb="7">
      <t>オヨ</t>
    </rPh>
    <rPh sb="8" eb="10">
      <t>ガイヨ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転居</t>
    <rPh sb="0" eb="2">
      <t>テンキョ</t>
    </rPh>
    <phoneticPr fontId="1"/>
  </si>
  <si>
    <t>進学</t>
    <rPh sb="0" eb="2">
      <t>シンガク</t>
    </rPh>
    <phoneticPr fontId="1"/>
  </si>
  <si>
    <t>介護</t>
    <rPh sb="0" eb="2">
      <t>カイゴ</t>
    </rPh>
    <phoneticPr fontId="1"/>
  </si>
  <si>
    <t>看護職以外に転職</t>
    <rPh sb="0" eb="3">
      <t>カンゴショク</t>
    </rPh>
    <rPh sb="3" eb="5">
      <t>イガイ</t>
    </rPh>
    <rPh sb="6" eb="8">
      <t>テンショク</t>
    </rPh>
    <phoneticPr fontId="1"/>
  </si>
  <si>
    <t>割合（％）</t>
    <rPh sb="0" eb="2">
      <t>ワリアイ</t>
    </rPh>
    <phoneticPr fontId="1"/>
  </si>
  <si>
    <t>公立病院</t>
    <rPh sb="0" eb="2">
      <t>コウリツ</t>
    </rPh>
    <rPh sb="2" eb="4">
      <t>ビョウイン</t>
    </rPh>
    <phoneticPr fontId="1"/>
  </si>
  <si>
    <t>不明</t>
    <rPh sb="0" eb="2">
      <t>フメイ</t>
    </rPh>
    <phoneticPr fontId="1"/>
  </si>
  <si>
    <t>その他</t>
    <rPh sb="2" eb="3">
      <t>タ</t>
    </rPh>
    <phoneticPr fontId="1"/>
  </si>
  <si>
    <t>男</t>
    <rPh sb="0" eb="1">
      <t>オトコ</t>
    </rPh>
    <phoneticPr fontId="1"/>
  </si>
  <si>
    <t>女</t>
    <rPh sb="0" eb="1">
      <t>オンナ</t>
    </rPh>
    <phoneticPr fontId="1"/>
  </si>
  <si>
    <t>保健師</t>
    <rPh sb="0" eb="2">
      <t>ホケン</t>
    </rPh>
    <rPh sb="2" eb="3">
      <t>シ</t>
    </rPh>
    <phoneticPr fontId="1"/>
  </si>
  <si>
    <t>看護師</t>
    <rPh sb="0" eb="3">
      <t>カンゴシ</t>
    </rPh>
    <phoneticPr fontId="1"/>
  </si>
  <si>
    <t>准看護師</t>
    <rPh sb="0" eb="1">
      <t>ジュン</t>
    </rPh>
    <rPh sb="1" eb="4">
      <t>カンゴシ</t>
    </rPh>
    <phoneticPr fontId="1"/>
  </si>
  <si>
    <t>合計</t>
    <rPh sb="0" eb="2">
      <t>ゴウケイ</t>
    </rPh>
    <phoneticPr fontId="1"/>
  </si>
  <si>
    <t>総合計</t>
    <rPh sb="0" eb="1">
      <t>ソウ</t>
    </rPh>
    <rPh sb="1" eb="3">
      <t>ゴウケイ</t>
    </rPh>
    <phoneticPr fontId="1"/>
  </si>
  <si>
    <t>1年～5年　　　未満</t>
    <rPh sb="1" eb="2">
      <t>ネン</t>
    </rPh>
    <rPh sb="4" eb="5">
      <t>ネン</t>
    </rPh>
    <rPh sb="8" eb="10">
      <t>ミマン</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訪問看護　　　　　　　ＳＴ</t>
    <rPh sb="0" eb="2">
      <t>ホウモン</t>
    </rPh>
    <rPh sb="2" eb="4">
      <t>カンゴ</t>
    </rPh>
    <phoneticPr fontId="1"/>
  </si>
  <si>
    <t>定年後の　　　　　　　　　　就業</t>
    <rPh sb="0" eb="2">
      <t>テイネン</t>
    </rPh>
    <rPh sb="2" eb="3">
      <t>ゴ</t>
    </rPh>
    <rPh sb="14" eb="16">
      <t>シュウギョウ</t>
    </rPh>
    <phoneticPr fontId="1"/>
  </si>
  <si>
    <t>開設年度</t>
    <rPh sb="0" eb="2">
      <t>カイセツ</t>
    </rPh>
    <rPh sb="2" eb="4">
      <t>ネンド</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phoneticPr fontId="1"/>
  </si>
  <si>
    <t>職種</t>
    <rPh sb="0" eb="2">
      <t>ショクシュ</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4">
      <t>チョウカク</t>
    </rPh>
    <rPh sb="4" eb="5">
      <t>シ</t>
    </rPh>
    <phoneticPr fontId="1"/>
  </si>
  <si>
    <t>事務職員</t>
    <rPh sb="0" eb="2">
      <t>ジム</t>
    </rPh>
    <rPh sb="2" eb="4">
      <t>ショクイン</t>
    </rPh>
    <phoneticPr fontId="1"/>
  </si>
  <si>
    <t>70歳以上</t>
    <rPh sb="2" eb="3">
      <t>サイ</t>
    </rPh>
    <rPh sb="3" eb="5">
      <t>イジョウ</t>
    </rPh>
    <phoneticPr fontId="1"/>
  </si>
  <si>
    <t>不明</t>
    <rPh sb="0" eb="2">
      <t>フメイ</t>
    </rPh>
    <phoneticPr fontId="1"/>
  </si>
  <si>
    <t>認定看護師</t>
    <rPh sb="0" eb="2">
      <t>ニンテイ</t>
    </rPh>
    <rPh sb="2" eb="5">
      <t>カンゴシ</t>
    </rPh>
    <phoneticPr fontId="1"/>
  </si>
  <si>
    <t>分野</t>
    <rPh sb="0" eb="2">
      <t>ブンヤ</t>
    </rPh>
    <phoneticPr fontId="1"/>
  </si>
  <si>
    <t>専門看護師</t>
    <rPh sb="0" eb="2">
      <t>センモン</t>
    </rPh>
    <rPh sb="2" eb="5">
      <t>カンゴシ</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6"/>
  </si>
  <si>
    <t>訪問看護を導入しやすいパンフレット、利用していきたい</t>
    <rPh sb="0" eb="2">
      <t>ホウモン</t>
    </rPh>
    <rPh sb="2" eb="4">
      <t>カンゴ</t>
    </rPh>
    <rPh sb="5" eb="7">
      <t>ドウニュウ</t>
    </rPh>
    <rPh sb="18" eb="20">
      <t>リヨウ</t>
    </rPh>
    <phoneticPr fontId="16"/>
  </si>
  <si>
    <t>ケアマネ連絡会での周知</t>
    <rPh sb="4" eb="7">
      <t>レンラクカイ</t>
    </rPh>
    <rPh sb="9" eb="11">
      <t>シュウチ</t>
    </rPh>
    <phoneticPr fontId="16"/>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6"/>
  </si>
  <si>
    <t>ボランティアの集まりに紹介配布、有志の集合等</t>
    <rPh sb="7" eb="8">
      <t>アツ</t>
    </rPh>
    <rPh sb="11" eb="13">
      <t>ショウカイ</t>
    </rPh>
    <rPh sb="13" eb="15">
      <t>ハイフ</t>
    </rPh>
    <rPh sb="16" eb="18">
      <t>ユウシ</t>
    </rPh>
    <rPh sb="19" eb="21">
      <t>シュウゴウ</t>
    </rPh>
    <rPh sb="21" eb="22">
      <t>ナド</t>
    </rPh>
    <phoneticPr fontId="16"/>
  </si>
  <si>
    <t>見る・聞く・対話に効率よく紹介できる</t>
    <rPh sb="0" eb="1">
      <t>ミ</t>
    </rPh>
    <rPh sb="3" eb="4">
      <t>キ</t>
    </rPh>
    <rPh sb="6" eb="8">
      <t>タイワ</t>
    </rPh>
    <rPh sb="9" eb="11">
      <t>コウリツ</t>
    </rPh>
    <rPh sb="13" eb="15">
      <t>ショウカイ</t>
    </rPh>
    <phoneticPr fontId="16"/>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6"/>
  </si>
  <si>
    <t>同じ敷地内にいるケアマネに渡した。</t>
    <rPh sb="0" eb="1">
      <t>オナ</t>
    </rPh>
    <rPh sb="2" eb="4">
      <t>シキチ</t>
    </rPh>
    <rPh sb="4" eb="5">
      <t>ナイ</t>
    </rPh>
    <rPh sb="13" eb="14">
      <t>ワタ</t>
    </rPh>
    <phoneticPr fontId="16"/>
  </si>
  <si>
    <t>それぞれの説明時</t>
    <rPh sb="5" eb="7">
      <t>セツメイ</t>
    </rPh>
    <rPh sb="7" eb="8">
      <t>ジ</t>
    </rPh>
    <phoneticPr fontId="16"/>
  </si>
  <si>
    <t>ホームページにのせた</t>
    <phoneticPr fontId="16"/>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6"/>
  </si>
  <si>
    <t>項目ごとに説明しやすい</t>
    <rPh sb="0" eb="2">
      <t>コウモク</t>
    </rPh>
    <rPh sb="5" eb="7">
      <t>セツメイ</t>
    </rPh>
    <phoneticPr fontId="16"/>
  </si>
  <si>
    <t>ケアマネージャー宛、地域の講習会で使用</t>
    <rPh sb="8" eb="9">
      <t>アテ</t>
    </rPh>
    <rPh sb="10" eb="12">
      <t>チイキ</t>
    </rPh>
    <rPh sb="13" eb="16">
      <t>コウシュウカイ</t>
    </rPh>
    <rPh sb="17" eb="19">
      <t>シヨウ</t>
    </rPh>
    <phoneticPr fontId="16"/>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6"/>
  </si>
  <si>
    <t>ケアマネージャーに渡している</t>
    <rPh sb="9" eb="10">
      <t>ワタ</t>
    </rPh>
    <phoneticPr fontId="16"/>
  </si>
  <si>
    <t>わかりやすくていいと思います。今後配布していきたいと思います。</t>
    <rPh sb="10" eb="11">
      <t>オモ</t>
    </rPh>
    <rPh sb="15" eb="17">
      <t>コンゴ</t>
    </rPh>
    <rPh sb="17" eb="19">
      <t>ハイフ</t>
    </rPh>
    <rPh sb="26" eb="27">
      <t>オモ</t>
    </rPh>
    <phoneticPr fontId="16"/>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6"/>
  </si>
  <si>
    <t>契約時、利用した。看護の日　相談窓口</t>
    <rPh sb="0" eb="2">
      <t>ケイヤク</t>
    </rPh>
    <rPh sb="2" eb="3">
      <t>ジ</t>
    </rPh>
    <rPh sb="4" eb="6">
      <t>リヨウ</t>
    </rPh>
    <rPh sb="9" eb="11">
      <t>カンゴ</t>
    </rPh>
    <rPh sb="12" eb="13">
      <t>ヒ</t>
    </rPh>
    <rPh sb="14" eb="16">
      <t>ソウダン</t>
    </rPh>
    <rPh sb="16" eb="18">
      <t>マドグチ</t>
    </rPh>
    <phoneticPr fontId="16"/>
  </si>
  <si>
    <t>HP・在宅医療</t>
    <rPh sb="3" eb="5">
      <t>ザイタク</t>
    </rPh>
    <rPh sb="5" eb="7">
      <t>イリョウ</t>
    </rPh>
    <phoneticPr fontId="16"/>
  </si>
  <si>
    <t>訪問看護利用にあたっての説明に利用</t>
    <rPh sb="0" eb="4">
      <t>ホウモンカンゴ</t>
    </rPh>
    <rPh sb="4" eb="6">
      <t>リヨウ</t>
    </rPh>
    <rPh sb="12" eb="14">
      <t>セツメイ</t>
    </rPh>
    <rPh sb="15" eb="17">
      <t>リヨウ</t>
    </rPh>
    <phoneticPr fontId="16"/>
  </si>
  <si>
    <t>サービス提供開始時、家族に知っていただくため</t>
    <rPh sb="4" eb="6">
      <t>テイキョウ</t>
    </rPh>
    <rPh sb="6" eb="8">
      <t>カイシ</t>
    </rPh>
    <rPh sb="8" eb="9">
      <t>ジ</t>
    </rPh>
    <rPh sb="10" eb="12">
      <t>カゾク</t>
    </rPh>
    <rPh sb="13" eb="14">
      <t>シ</t>
    </rPh>
    <phoneticPr fontId="16"/>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6"/>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6"/>
  </si>
  <si>
    <t>初回訪問や相談の時</t>
    <rPh sb="0" eb="2">
      <t>ショカイ</t>
    </rPh>
    <rPh sb="2" eb="4">
      <t>ホウモン</t>
    </rPh>
    <rPh sb="5" eb="7">
      <t>ソウダン</t>
    </rPh>
    <rPh sb="8" eb="9">
      <t>トキ</t>
    </rPh>
    <phoneticPr fontId="16"/>
  </si>
  <si>
    <t>今度配ってみようかと思います。</t>
    <rPh sb="0" eb="2">
      <t>コンド</t>
    </rPh>
    <rPh sb="2" eb="3">
      <t>クバ</t>
    </rPh>
    <rPh sb="10" eb="11">
      <t>オモ</t>
    </rPh>
    <phoneticPr fontId="16"/>
  </si>
  <si>
    <t>患者や家族に説明するとき</t>
    <rPh sb="0" eb="2">
      <t>カンジャ</t>
    </rPh>
    <rPh sb="3" eb="5">
      <t>カゾク</t>
    </rPh>
    <rPh sb="6" eb="8">
      <t>セツメイ</t>
    </rPh>
    <phoneticPr fontId="16"/>
  </si>
  <si>
    <t>CMへの営業活動時に使用</t>
    <rPh sb="4" eb="6">
      <t>エイギョウ</t>
    </rPh>
    <rPh sb="6" eb="8">
      <t>カツドウ</t>
    </rPh>
    <rPh sb="8" eb="9">
      <t>ジ</t>
    </rPh>
    <rPh sb="10" eb="12">
      <t>シヨウ</t>
    </rPh>
    <phoneticPr fontId="16"/>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6"/>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6"/>
  </si>
  <si>
    <t>地域での講演の際</t>
    <rPh sb="0" eb="2">
      <t>チイキ</t>
    </rPh>
    <rPh sb="4" eb="6">
      <t>コウエン</t>
    </rPh>
    <rPh sb="7" eb="8">
      <t>サイ</t>
    </rPh>
    <phoneticPr fontId="16"/>
  </si>
  <si>
    <t>訪問看護導入のめやす</t>
    <rPh sb="0" eb="2">
      <t>ホウモン</t>
    </rPh>
    <rPh sb="2" eb="4">
      <t>カンゴ</t>
    </rPh>
    <rPh sb="4" eb="6">
      <t>ドウニュウ</t>
    </rPh>
    <phoneticPr fontId="16"/>
  </si>
  <si>
    <t>大変よい</t>
    <rPh sb="0" eb="2">
      <t>タイヘン</t>
    </rPh>
    <phoneticPr fontId="16"/>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6"/>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6"/>
  </si>
  <si>
    <t>ケアマネージャーへ</t>
    <phoneticPr fontId="16"/>
  </si>
  <si>
    <t>居宅事業所や病院へ営業に行ったとき等</t>
    <rPh sb="0" eb="2">
      <t>キョタク</t>
    </rPh>
    <rPh sb="2" eb="5">
      <t>ジギョウショ</t>
    </rPh>
    <rPh sb="6" eb="8">
      <t>ビョウイン</t>
    </rPh>
    <rPh sb="9" eb="11">
      <t>エイギョウ</t>
    </rPh>
    <rPh sb="12" eb="13">
      <t>イ</t>
    </rPh>
    <rPh sb="17" eb="18">
      <t>トウ</t>
    </rPh>
    <phoneticPr fontId="16"/>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6"/>
  </si>
  <si>
    <t>法人内のケアマネに渡した</t>
    <rPh sb="0" eb="2">
      <t>ホウジン</t>
    </rPh>
    <rPh sb="2" eb="3">
      <t>ナイ</t>
    </rPh>
    <rPh sb="9" eb="10">
      <t>ワタ</t>
    </rPh>
    <phoneticPr fontId="16"/>
  </si>
  <si>
    <t>絵でイメージしやすくわかりやすくてよい</t>
    <rPh sb="0" eb="1">
      <t>エ</t>
    </rPh>
    <phoneticPr fontId="16"/>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6"/>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6"/>
  </si>
  <si>
    <t>営業時活用</t>
    <rPh sb="0" eb="2">
      <t>エイギョウ</t>
    </rPh>
    <rPh sb="2" eb="3">
      <t>ジ</t>
    </rPh>
    <rPh sb="3" eb="5">
      <t>カツヨウ</t>
    </rPh>
    <phoneticPr fontId="16"/>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6"/>
  </si>
  <si>
    <t>とても役立つ</t>
    <rPh sb="3" eb="5">
      <t>ヤクダ</t>
    </rPh>
    <phoneticPr fontId="16"/>
  </si>
  <si>
    <t>居宅へ挨拶に伺う際に持参している</t>
    <rPh sb="0" eb="2">
      <t>キョタク</t>
    </rPh>
    <rPh sb="3" eb="5">
      <t>アイサツ</t>
    </rPh>
    <rPh sb="6" eb="7">
      <t>ウカガ</t>
    </rPh>
    <rPh sb="8" eb="9">
      <t>サイ</t>
    </rPh>
    <rPh sb="10" eb="12">
      <t>ジサン</t>
    </rPh>
    <phoneticPr fontId="16"/>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6"/>
  </si>
  <si>
    <t>わかりやすいと思います。</t>
    <rPh sb="7" eb="8">
      <t>オモ</t>
    </rPh>
    <phoneticPr fontId="16"/>
  </si>
  <si>
    <t>配布・掲示のみ</t>
    <rPh sb="0" eb="2">
      <t>ハイフ</t>
    </rPh>
    <rPh sb="3" eb="5">
      <t>ケイジ</t>
    </rPh>
    <phoneticPr fontId="16"/>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6"/>
  </si>
  <si>
    <t>わかりやすくてよいと思う。</t>
    <rPh sb="10" eb="11">
      <t>オモ</t>
    </rPh>
    <phoneticPr fontId="16"/>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6"/>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6"/>
  </si>
  <si>
    <t>イラストや色もかわいくて見やすく、目につくと思う。</t>
    <rPh sb="5" eb="6">
      <t>イロ</t>
    </rPh>
    <rPh sb="12" eb="13">
      <t>ミ</t>
    </rPh>
    <rPh sb="17" eb="18">
      <t>メ</t>
    </rPh>
    <rPh sb="22" eb="23">
      <t>オモ</t>
    </rPh>
    <phoneticPr fontId="16"/>
  </si>
  <si>
    <t>活用していきたいです。</t>
    <rPh sb="0" eb="2">
      <t>カツヨウ</t>
    </rPh>
    <phoneticPr fontId="16"/>
  </si>
  <si>
    <t>活用したいと考えている</t>
    <rPh sb="0" eb="2">
      <t>カツヨウ</t>
    </rPh>
    <rPh sb="6" eb="7">
      <t>カンガ</t>
    </rPh>
    <phoneticPr fontId="16"/>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6"/>
  </si>
  <si>
    <t>計画書などの配布、営業で使用しています。</t>
    <rPh sb="0" eb="3">
      <t>ケイカクショ</t>
    </rPh>
    <rPh sb="6" eb="8">
      <t>ハイフ</t>
    </rPh>
    <rPh sb="9" eb="11">
      <t>エイギョウ</t>
    </rPh>
    <rPh sb="12" eb="14">
      <t>シヨウ</t>
    </rPh>
    <phoneticPr fontId="16"/>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6"/>
  </si>
  <si>
    <t>ケアマネに訪問看護の説明時使用</t>
    <rPh sb="5" eb="9">
      <t>ホウモンカンゴ</t>
    </rPh>
    <rPh sb="10" eb="12">
      <t>セツメイ</t>
    </rPh>
    <rPh sb="12" eb="13">
      <t>ジ</t>
    </rPh>
    <rPh sb="13" eb="15">
      <t>シヨウ</t>
    </rPh>
    <phoneticPr fontId="16"/>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6"/>
  </si>
  <si>
    <t>病院、外来ナース、営業資料として</t>
    <rPh sb="0" eb="2">
      <t>ビョウイン</t>
    </rPh>
    <rPh sb="3" eb="5">
      <t>ガイライ</t>
    </rPh>
    <rPh sb="9" eb="11">
      <t>エイギョウ</t>
    </rPh>
    <rPh sb="11" eb="13">
      <t>シリョウ</t>
    </rPh>
    <phoneticPr fontId="16"/>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7"/>
  </si>
  <si>
    <t>訪問時、ご家族と面会の方に使用</t>
    <rPh sb="0" eb="2">
      <t>ホウモン</t>
    </rPh>
    <rPh sb="2" eb="3">
      <t>ジ</t>
    </rPh>
    <rPh sb="5" eb="7">
      <t>カゾク</t>
    </rPh>
    <rPh sb="8" eb="10">
      <t>メンカイ</t>
    </rPh>
    <rPh sb="11" eb="12">
      <t>カタ</t>
    </rPh>
    <rPh sb="13" eb="15">
      <t>シヨウ</t>
    </rPh>
    <phoneticPr fontId="16"/>
  </si>
  <si>
    <t>訪問看護に興味を持った方々に活用した</t>
    <rPh sb="0" eb="2">
      <t>ホウモン</t>
    </rPh>
    <rPh sb="2" eb="4">
      <t>カンゴ</t>
    </rPh>
    <rPh sb="5" eb="7">
      <t>キョウミ</t>
    </rPh>
    <rPh sb="8" eb="9">
      <t>モ</t>
    </rPh>
    <rPh sb="11" eb="13">
      <t>カタガタ</t>
    </rPh>
    <rPh sb="14" eb="16">
      <t>カツヨウ</t>
    </rPh>
    <phoneticPr fontId="16"/>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6"/>
  </si>
  <si>
    <t>誰が見てもわかりやすいチラシなので利用させていただいています</t>
    <rPh sb="0" eb="1">
      <t>ダレ</t>
    </rPh>
    <rPh sb="2" eb="3">
      <t>ミ</t>
    </rPh>
    <rPh sb="17" eb="19">
      <t>リヨウ</t>
    </rPh>
    <phoneticPr fontId="16"/>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6"/>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6"/>
  </si>
  <si>
    <t>法人内病院3箇所に配布</t>
    <rPh sb="0" eb="5">
      <t>ホウジンナイビョウイン</t>
    </rPh>
    <rPh sb="6" eb="8">
      <t>カショ</t>
    </rPh>
    <rPh sb="9" eb="11">
      <t>ハイフ</t>
    </rPh>
    <phoneticPr fontId="16"/>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6"/>
  </si>
  <si>
    <t>わかりやすくてよい,</t>
    <phoneticPr fontId="16"/>
  </si>
  <si>
    <t>ケアマネに渡した</t>
    <rPh sb="5" eb="6">
      <t>ワタ</t>
    </rPh>
    <phoneticPr fontId="16"/>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6"/>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6"/>
  </si>
  <si>
    <t>とても見やすく説明する際わかってもらいやすい</t>
    <rPh sb="3" eb="4">
      <t>ミ</t>
    </rPh>
    <rPh sb="7" eb="9">
      <t>セツメイ</t>
    </rPh>
    <rPh sb="11" eb="12">
      <t>サイ</t>
    </rPh>
    <phoneticPr fontId="16"/>
  </si>
  <si>
    <t>職場内での共通理解の資料として</t>
    <rPh sb="0" eb="2">
      <t>ショクバ</t>
    </rPh>
    <rPh sb="2" eb="3">
      <t>ナイ</t>
    </rPh>
    <rPh sb="5" eb="7">
      <t>キョウツウ</t>
    </rPh>
    <rPh sb="7" eb="9">
      <t>リカイ</t>
    </rPh>
    <rPh sb="10" eb="12">
      <t>シリョウ</t>
    </rPh>
    <phoneticPr fontId="16"/>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6"/>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6"/>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6"/>
  </si>
  <si>
    <t>ケアマネージャー向け</t>
    <rPh sb="8" eb="9">
      <t>ム</t>
    </rPh>
    <phoneticPr fontId="16"/>
  </si>
  <si>
    <t>ステーションの取り組みが知れてよい。</t>
    <rPh sb="7" eb="8">
      <t>ト</t>
    </rPh>
    <rPh sb="9" eb="10">
      <t>ク</t>
    </rPh>
    <rPh sb="12" eb="13">
      <t>シ</t>
    </rPh>
    <phoneticPr fontId="16"/>
  </si>
  <si>
    <t>近隣のクリニックにチラシを置いてもらった</t>
    <rPh sb="0" eb="2">
      <t>キンリン</t>
    </rPh>
    <rPh sb="13" eb="14">
      <t>オ</t>
    </rPh>
    <phoneticPr fontId="16"/>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6"/>
  </si>
  <si>
    <t>有料でもいいので掲示できるポスターを希望いたします。</t>
    <rPh sb="0" eb="2">
      <t>ユウリョウ</t>
    </rPh>
    <rPh sb="8" eb="10">
      <t>ケイジ</t>
    </rPh>
    <rPh sb="18" eb="20">
      <t>キボウ</t>
    </rPh>
    <phoneticPr fontId="16"/>
  </si>
  <si>
    <t>ケアマネとの顔合わせの際活用</t>
    <rPh sb="6" eb="8">
      <t>カオア</t>
    </rPh>
    <rPh sb="11" eb="12">
      <t>サイ</t>
    </rPh>
    <rPh sb="12" eb="14">
      <t>カツヨウ</t>
    </rPh>
    <phoneticPr fontId="16"/>
  </si>
  <si>
    <t>ケアマネージャーに対して訪問看護利用について説明</t>
    <rPh sb="9" eb="10">
      <t>タイ</t>
    </rPh>
    <rPh sb="12" eb="14">
      <t>ホウモン</t>
    </rPh>
    <rPh sb="14" eb="16">
      <t>カンゴ</t>
    </rPh>
    <rPh sb="16" eb="18">
      <t>リヨウ</t>
    </rPh>
    <rPh sb="22" eb="24">
      <t>セツメイ</t>
    </rPh>
    <phoneticPr fontId="16"/>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6"/>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6"/>
  </si>
  <si>
    <t>事業所前に掲示、イベント</t>
    <rPh sb="0" eb="3">
      <t>ジギョウショ</t>
    </rPh>
    <rPh sb="3" eb="4">
      <t>マエ</t>
    </rPh>
    <rPh sb="5" eb="7">
      <t>ケイジ</t>
    </rPh>
    <phoneticPr fontId="16"/>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6"/>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6"/>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6"/>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6"/>
  </si>
  <si>
    <t>平塚市介護システム会議</t>
    <rPh sb="0" eb="3">
      <t>ヒラツカシ</t>
    </rPh>
    <rPh sb="3" eb="5">
      <t>カイゴ</t>
    </rPh>
    <rPh sb="9" eb="11">
      <t>カイギ</t>
    </rPh>
    <phoneticPr fontId="16"/>
  </si>
  <si>
    <t>学生指導、ケアマネへの説明等</t>
    <rPh sb="0" eb="2">
      <t>ガクセイ</t>
    </rPh>
    <rPh sb="2" eb="4">
      <t>シドウ</t>
    </rPh>
    <rPh sb="11" eb="13">
      <t>セツメイ</t>
    </rPh>
    <rPh sb="13" eb="14">
      <t>ナド</t>
    </rPh>
    <phoneticPr fontId="16"/>
  </si>
  <si>
    <t>必要に応じ、ステーションで説明している</t>
    <rPh sb="0" eb="2">
      <t>ヒツヨウ</t>
    </rPh>
    <rPh sb="3" eb="4">
      <t>オウ</t>
    </rPh>
    <rPh sb="13" eb="15">
      <t>セツメイ</t>
    </rPh>
    <phoneticPr fontId="16"/>
  </si>
  <si>
    <t>併設居宅のケアマネに説明使用</t>
    <rPh sb="0" eb="2">
      <t>ヘイセツ</t>
    </rPh>
    <rPh sb="2" eb="4">
      <t>キョタク</t>
    </rPh>
    <rPh sb="10" eb="12">
      <t>セツメイ</t>
    </rPh>
    <rPh sb="12" eb="14">
      <t>シヨウ</t>
    </rPh>
    <phoneticPr fontId="16"/>
  </si>
  <si>
    <t>朝礼</t>
    <rPh sb="0" eb="2">
      <t>チョウレイ</t>
    </rPh>
    <phoneticPr fontId="16"/>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6"/>
  </si>
  <si>
    <t>新規利用者（病院から退院する方）</t>
    <rPh sb="0" eb="2">
      <t>シンキ</t>
    </rPh>
    <rPh sb="2" eb="5">
      <t>リヨウシャ</t>
    </rPh>
    <rPh sb="6" eb="8">
      <t>ビョウイン</t>
    </rPh>
    <rPh sb="10" eb="12">
      <t>タイイン</t>
    </rPh>
    <rPh sb="14" eb="15">
      <t>カタ</t>
    </rPh>
    <phoneticPr fontId="16"/>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6"/>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6"/>
  </si>
  <si>
    <t>開業医の医師への周知パンフレットがあると良いなと思っている</t>
    <rPh sb="0" eb="3">
      <t>カイギョウイ</t>
    </rPh>
    <rPh sb="4" eb="6">
      <t>イシ</t>
    </rPh>
    <rPh sb="8" eb="10">
      <t>シュウチ</t>
    </rPh>
    <rPh sb="20" eb="21">
      <t>ヨ</t>
    </rPh>
    <rPh sb="24" eb="25">
      <t>オモ</t>
    </rPh>
    <phoneticPr fontId="16"/>
  </si>
  <si>
    <t>地域包括支援センターでの研修で配布</t>
    <rPh sb="0" eb="6">
      <t>チイキホウカツシエン</t>
    </rPh>
    <rPh sb="12" eb="14">
      <t>ケンシュウ</t>
    </rPh>
    <rPh sb="15" eb="17">
      <t>ハイフ</t>
    </rPh>
    <phoneticPr fontId="16"/>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6"/>
  </si>
  <si>
    <t>事業所の入り口に貼っている</t>
    <rPh sb="0" eb="3">
      <t>ジギョウショ</t>
    </rPh>
    <rPh sb="4" eb="5">
      <t>イ</t>
    </rPh>
    <rPh sb="6" eb="7">
      <t>グチ</t>
    </rPh>
    <rPh sb="8" eb="9">
      <t>ハ</t>
    </rPh>
    <phoneticPr fontId="16"/>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6"/>
  </si>
  <si>
    <t>市民講座で一般参加者</t>
    <rPh sb="0" eb="2">
      <t>シミン</t>
    </rPh>
    <rPh sb="2" eb="4">
      <t>コウザ</t>
    </rPh>
    <rPh sb="5" eb="7">
      <t>イッパン</t>
    </rPh>
    <rPh sb="7" eb="10">
      <t>サンカシャ</t>
    </rPh>
    <phoneticPr fontId="16"/>
  </si>
  <si>
    <t>難病担当の保健師にお渡ししました。</t>
    <rPh sb="0" eb="2">
      <t>ナンビョウ</t>
    </rPh>
    <rPh sb="2" eb="4">
      <t>タントウ</t>
    </rPh>
    <rPh sb="5" eb="8">
      <t>ホケンシ</t>
    </rPh>
    <rPh sb="10" eb="11">
      <t>ワタ</t>
    </rPh>
    <phoneticPr fontId="16"/>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6"/>
  </si>
  <si>
    <t>サービス担当者会議にてケアマネに渡した。</t>
    <rPh sb="4" eb="7">
      <t>タントウシャ</t>
    </rPh>
    <rPh sb="7" eb="9">
      <t>カイギ</t>
    </rPh>
    <rPh sb="16" eb="17">
      <t>ワタ</t>
    </rPh>
    <phoneticPr fontId="16"/>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6"/>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6"/>
  </si>
  <si>
    <t>営業活動時にチラシの説明を行った。</t>
    <rPh sb="0" eb="2">
      <t>エイギョウ</t>
    </rPh>
    <rPh sb="2" eb="4">
      <t>カツドウ</t>
    </rPh>
    <rPh sb="4" eb="5">
      <t>ジ</t>
    </rPh>
    <rPh sb="10" eb="12">
      <t>セツメイ</t>
    </rPh>
    <rPh sb="13" eb="14">
      <t>オコナ</t>
    </rPh>
    <phoneticPr fontId="16"/>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6"/>
  </si>
  <si>
    <t>チラシは近隣研修会でいただきましたが、活用方法がわからずいました。</t>
    <rPh sb="4" eb="6">
      <t>キンリン</t>
    </rPh>
    <rPh sb="6" eb="9">
      <t>ケンシュウカイ</t>
    </rPh>
    <rPh sb="19" eb="21">
      <t>カツヨウ</t>
    </rPh>
    <rPh sb="21" eb="23">
      <t>ホウホウ</t>
    </rPh>
    <phoneticPr fontId="16"/>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6"/>
  </si>
  <si>
    <t>ケアマネ研修時</t>
    <rPh sb="4" eb="6">
      <t>ケンシュウ</t>
    </rPh>
    <rPh sb="6" eb="7">
      <t>ジ</t>
    </rPh>
    <phoneticPr fontId="16"/>
  </si>
  <si>
    <t>今後ぜひ活用したい</t>
    <rPh sb="0" eb="2">
      <t>コンゴ</t>
    </rPh>
    <rPh sb="4" eb="6">
      <t>カツヨウ</t>
    </rPh>
    <phoneticPr fontId="16"/>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6"/>
  </si>
  <si>
    <t>ケアマネ説明に利用しようとしたところ、すでに持っているとのことだった</t>
    <rPh sb="4" eb="6">
      <t>セツメイ</t>
    </rPh>
    <rPh sb="7" eb="9">
      <t>リヨウ</t>
    </rPh>
    <rPh sb="22" eb="23">
      <t>モ</t>
    </rPh>
    <phoneticPr fontId="16"/>
  </si>
  <si>
    <t>社協や包括・行政窓口にあると良いと思う</t>
    <rPh sb="0" eb="2">
      <t>シャキョウ</t>
    </rPh>
    <rPh sb="3" eb="5">
      <t>ホウカツ</t>
    </rPh>
    <rPh sb="6" eb="8">
      <t>ギョウセイ</t>
    </rPh>
    <rPh sb="8" eb="10">
      <t>マドグチ</t>
    </rPh>
    <rPh sb="14" eb="15">
      <t>ヨ</t>
    </rPh>
    <rPh sb="17" eb="18">
      <t>オモ</t>
    </rPh>
    <phoneticPr fontId="16"/>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6"/>
  </si>
  <si>
    <t>利用者様のご家族へお渡ししました。</t>
    <rPh sb="0" eb="3">
      <t>リヨウシャ</t>
    </rPh>
    <rPh sb="3" eb="4">
      <t>サマ</t>
    </rPh>
    <rPh sb="6" eb="8">
      <t>カゾク</t>
    </rPh>
    <rPh sb="10" eb="11">
      <t>ワタ</t>
    </rPh>
    <phoneticPr fontId="16"/>
  </si>
  <si>
    <t>横浜にしか使えないチラシはいらない　地域に合ったチラシやポスターもほしい</t>
    <rPh sb="0" eb="2">
      <t>ヨコハマ</t>
    </rPh>
    <rPh sb="5" eb="6">
      <t>ツカ</t>
    </rPh>
    <rPh sb="18" eb="20">
      <t>チイキ</t>
    </rPh>
    <rPh sb="21" eb="22">
      <t>ア</t>
    </rPh>
    <phoneticPr fontId="16"/>
  </si>
  <si>
    <t>診療所の事務長に事業所パンフレットと一緒に渡した</t>
    <rPh sb="0" eb="3">
      <t>シンリョウジョ</t>
    </rPh>
    <rPh sb="4" eb="7">
      <t>ジムチョウ</t>
    </rPh>
    <rPh sb="8" eb="11">
      <t>ジギョウショ</t>
    </rPh>
    <rPh sb="18" eb="20">
      <t>イッショ</t>
    </rPh>
    <rPh sb="21" eb="22">
      <t>ワタ</t>
    </rPh>
    <phoneticPr fontId="16"/>
  </si>
  <si>
    <t>訪問看護サービス導入の目安は活用させていただきたいです。</t>
    <rPh sb="0" eb="2">
      <t>ホウモン</t>
    </rPh>
    <rPh sb="2" eb="4">
      <t>カンゴ</t>
    </rPh>
    <rPh sb="8" eb="10">
      <t>ドウニュウ</t>
    </rPh>
    <rPh sb="11" eb="13">
      <t>メヤス</t>
    </rPh>
    <rPh sb="14" eb="16">
      <t>カツヨウ</t>
    </rPh>
    <phoneticPr fontId="16"/>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6"/>
  </si>
  <si>
    <t>経験年数</t>
    <rPh sb="0" eb="2">
      <t>ケイケン</t>
    </rPh>
    <rPh sb="2" eb="4">
      <t>ネンスウ</t>
    </rPh>
    <phoneticPr fontId="1"/>
  </si>
  <si>
    <t>1年未満</t>
    <rPh sb="1" eb="2">
      <t>ネン</t>
    </rPh>
    <rPh sb="2" eb="4">
      <t>ミマン</t>
    </rPh>
    <phoneticPr fontId="1"/>
  </si>
  <si>
    <t>1年以上5年未満</t>
    <rPh sb="1" eb="2">
      <t>ネン</t>
    </rPh>
    <rPh sb="2" eb="4">
      <t>イジョウ</t>
    </rPh>
    <rPh sb="5" eb="6">
      <t>ネン</t>
    </rPh>
    <rPh sb="6" eb="8">
      <t>ミマン</t>
    </rPh>
    <phoneticPr fontId="1"/>
  </si>
  <si>
    <t>5年以上10年未満</t>
    <rPh sb="1" eb="2">
      <t>ネン</t>
    </rPh>
    <rPh sb="2" eb="4">
      <t>イジョウ</t>
    </rPh>
    <rPh sb="6" eb="7">
      <t>ネン</t>
    </rPh>
    <rPh sb="7" eb="9">
      <t>ミマン</t>
    </rPh>
    <phoneticPr fontId="1"/>
  </si>
  <si>
    <t>10年以上20年未満</t>
    <rPh sb="2" eb="5">
      <t>ネンイジョウ</t>
    </rPh>
    <rPh sb="7" eb="8">
      <t>ネン</t>
    </rPh>
    <rPh sb="8" eb="10">
      <t>ミマン</t>
    </rPh>
    <phoneticPr fontId="1"/>
  </si>
  <si>
    <t>20年以上</t>
    <rPh sb="2" eb="5">
      <t>ネンイジョウ</t>
    </rPh>
    <phoneticPr fontId="1"/>
  </si>
  <si>
    <t>～499</t>
    <phoneticPr fontId="1"/>
  </si>
  <si>
    <t>最大40,600件　　平均5,797.5件</t>
    <rPh sb="0" eb="2">
      <t>サイダイ</t>
    </rPh>
    <rPh sb="8" eb="9">
      <t>ケン</t>
    </rPh>
    <rPh sb="11" eb="13">
      <t>ヘイキン</t>
    </rPh>
    <rPh sb="20" eb="21">
      <t>ケン</t>
    </rPh>
    <phoneticPr fontId="1"/>
  </si>
  <si>
    <t>営業</t>
    <rPh sb="0" eb="2">
      <t>エイギョウ</t>
    </rPh>
    <phoneticPr fontId="1"/>
  </si>
  <si>
    <t>相談員</t>
    <rPh sb="0" eb="3">
      <t>ソウダンイン</t>
    </rPh>
    <phoneticPr fontId="1"/>
  </si>
  <si>
    <t>整体師</t>
    <rPh sb="0" eb="3">
      <t>セイタイシ</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就業先</t>
    <rPh sb="0" eb="2">
      <t>シュウギョウ</t>
    </rPh>
    <rPh sb="2" eb="3">
      <t>サキ</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職種名</t>
    <rPh sb="0" eb="2">
      <t>ショクシュ</t>
    </rPh>
    <rPh sb="2" eb="3">
      <t>メイ</t>
    </rPh>
    <phoneticPr fontId="1"/>
  </si>
  <si>
    <t>人数（人）</t>
    <rPh sb="0" eb="2">
      <t>ニンズウ</t>
    </rPh>
    <rPh sb="3" eb="4">
      <t>ニン</t>
    </rPh>
    <phoneticPr fontId="1"/>
  </si>
  <si>
    <t>1,000～1999</t>
    <phoneticPr fontId="1"/>
  </si>
  <si>
    <t>2,000～3,999</t>
    <phoneticPr fontId="1"/>
  </si>
  <si>
    <t>4,000～5,999</t>
    <phoneticPr fontId="1"/>
  </si>
  <si>
    <t>6,000～7,999</t>
    <phoneticPr fontId="1"/>
  </si>
  <si>
    <t>8,000～10,000</t>
    <phoneticPr fontId="1"/>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phoneticPr fontId="1"/>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phoneticPr fontId="1"/>
  </si>
  <si>
    <t>なし</t>
    <phoneticPr fontId="1"/>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6"/>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6"/>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6"/>
  </si>
  <si>
    <t>ケアマネジャーの初任研修時</t>
    <rPh sb="8" eb="10">
      <t>ショニン</t>
    </rPh>
    <rPh sb="10" eb="12">
      <t>ケンシュウ</t>
    </rPh>
    <rPh sb="12" eb="13">
      <t>ジ</t>
    </rPh>
    <phoneticPr fontId="16"/>
  </si>
  <si>
    <t>職場内で違う部署の者に使用</t>
    <rPh sb="0" eb="2">
      <t>ショクバ</t>
    </rPh>
    <rPh sb="2" eb="3">
      <t>ナイ</t>
    </rPh>
    <rPh sb="4" eb="5">
      <t>チガ</t>
    </rPh>
    <rPh sb="6" eb="8">
      <t>ブショ</t>
    </rPh>
    <rPh sb="9" eb="10">
      <t>モノ</t>
    </rPh>
    <rPh sb="11" eb="13">
      <t>シヨウ</t>
    </rPh>
    <phoneticPr fontId="16"/>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6"/>
  </si>
  <si>
    <t>利用者や問い合わせのある一般向けの説明に使用したいため、パソコンからダウンロードできるようにしてほしい。</t>
    <phoneticPr fontId="17"/>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9"/>
  </si>
  <si>
    <t>常勤（人）</t>
    <rPh sb="0" eb="2">
      <t>ジョウキン</t>
    </rPh>
    <rPh sb="3" eb="4">
      <t>ニン</t>
    </rPh>
    <phoneticPr fontId="1"/>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phoneticPr fontId="1"/>
  </si>
  <si>
    <t>n=135</t>
    <phoneticPr fontId="1"/>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phoneticPr fontId="1"/>
  </si>
  <si>
    <t>n=421</t>
    <phoneticPr fontId="1"/>
  </si>
  <si>
    <t>n=257</t>
    <phoneticPr fontId="1"/>
  </si>
  <si>
    <t>n=164</t>
    <phoneticPr fontId="1"/>
  </si>
  <si>
    <t>10,000～</t>
    <phoneticPr fontId="1"/>
  </si>
  <si>
    <t>10,000～</t>
    <phoneticPr fontId="1"/>
  </si>
  <si>
    <t>構成比（％）</t>
    <rPh sb="0" eb="3">
      <t>コウセイヒ</t>
    </rPh>
    <phoneticPr fontId="1"/>
  </si>
  <si>
    <t>回答施設数（A)</t>
    <rPh sb="0" eb="2">
      <t>カイトウ</t>
    </rPh>
    <rPh sb="2" eb="4">
      <t>シセツ</t>
    </rPh>
    <rPh sb="4" eb="5">
      <t>スウ</t>
    </rPh>
    <phoneticPr fontId="1"/>
  </si>
  <si>
    <t>（A)/n(463）*100（％）</t>
    <phoneticPr fontId="1"/>
  </si>
  <si>
    <t>構成比(%)</t>
    <rPh sb="0" eb="3">
      <t>コウセイヒ</t>
    </rPh>
    <phoneticPr fontId="1"/>
  </si>
  <si>
    <t>1,000～1,999</t>
    <phoneticPr fontId="1"/>
  </si>
  <si>
    <t>1,000～1,999</t>
    <phoneticPr fontId="1"/>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昨年度         構成比(%)</t>
    <rPh sb="0" eb="3">
      <t>サクネンド</t>
    </rPh>
    <rPh sb="12" eb="15">
      <t>コウセイヒ</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phoneticPr fontId="1"/>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phoneticPr fontId="1"/>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phoneticPr fontId="1"/>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phoneticPr fontId="1"/>
  </si>
  <si>
    <t>クリニック</t>
    <phoneticPr fontId="1"/>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phoneticPr fontId="1"/>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7"/>
  </si>
  <si>
    <t>・有料でもいいのでポスターを希望する。</t>
    <rPh sb="1" eb="3">
      <t>ユウリョウ</t>
    </rPh>
    <rPh sb="14" eb="16">
      <t>キボウ</t>
    </rPh>
    <phoneticPr fontId="16"/>
  </si>
  <si>
    <t>・開業医向けのパンフレットがあると良い。</t>
    <rPh sb="1" eb="4">
      <t>カイギョウイ</t>
    </rPh>
    <rPh sb="4" eb="5">
      <t>ム</t>
    </rPh>
    <rPh sb="17" eb="18">
      <t>ヨ</t>
    </rPh>
    <phoneticPr fontId="16"/>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6"/>
  </si>
  <si>
    <t>・社協や包括・行政窓口にあると良い。</t>
    <rPh sb="1" eb="3">
      <t>シャキョウ</t>
    </rPh>
    <rPh sb="4" eb="6">
      <t>ホウカツ</t>
    </rPh>
    <rPh sb="7" eb="9">
      <t>ギョウセイ</t>
    </rPh>
    <rPh sb="9" eb="11">
      <t>マドグチ</t>
    </rPh>
    <rPh sb="15" eb="16">
      <t>ヨ</t>
    </rPh>
    <phoneticPr fontId="16"/>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6"/>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6"/>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6"/>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横浜西部</t>
    <rPh sb="0" eb="2">
      <t>ヨコハマ</t>
    </rPh>
    <rPh sb="2" eb="4">
      <t>セイブ</t>
    </rPh>
    <phoneticPr fontId="1"/>
  </si>
  <si>
    <t>横浜南部</t>
    <rPh sb="0" eb="2">
      <t>ヨコハマ</t>
    </rPh>
    <rPh sb="2" eb="4">
      <t>ナンブ</t>
    </rPh>
    <phoneticPr fontId="1"/>
  </si>
  <si>
    <t>横浜北部</t>
    <rPh sb="0" eb="2">
      <t>ヨコハマ</t>
    </rPh>
    <rPh sb="2" eb="4">
      <t>ホクブ</t>
    </rPh>
    <phoneticPr fontId="1"/>
  </si>
  <si>
    <t>川崎南部</t>
    <rPh sb="0" eb="2">
      <t>カワサキ</t>
    </rPh>
    <rPh sb="2" eb="4">
      <t>ナンブ</t>
    </rPh>
    <phoneticPr fontId="1"/>
  </si>
  <si>
    <t>川崎北部</t>
    <rPh sb="0" eb="2">
      <t>カワサキ</t>
    </rPh>
    <rPh sb="2" eb="4">
      <t>ホクブ</t>
    </rPh>
    <phoneticPr fontId="1"/>
  </si>
  <si>
    <t>広報</t>
    <rPh sb="0" eb="2">
      <t>コウホウ</t>
    </rPh>
    <phoneticPr fontId="1"/>
  </si>
  <si>
    <t>令和２年度</t>
    <rPh sb="0" eb="2">
      <t>レイワ</t>
    </rPh>
    <rPh sb="3" eb="5">
      <t>ネンド</t>
    </rPh>
    <phoneticPr fontId="1"/>
  </si>
  <si>
    <t>平成28,29年度</t>
    <rPh sb="0" eb="2">
      <t>ヘイセイ</t>
    </rPh>
    <rPh sb="7" eb="9">
      <t>ネンド</t>
    </rPh>
    <phoneticPr fontId="1"/>
  </si>
  <si>
    <t>平成23～27年度</t>
    <rPh sb="0" eb="2">
      <t>ヘイセイ</t>
    </rPh>
    <rPh sb="7" eb="9">
      <t>ネンド</t>
    </rPh>
    <phoneticPr fontId="1"/>
  </si>
  <si>
    <t>平成22年度以前</t>
    <rPh sb="0" eb="2">
      <t>ヘイセイ</t>
    </rPh>
    <rPh sb="4" eb="6">
      <t>ネンド</t>
    </rPh>
    <rPh sb="6" eb="8">
      <t>イゼン</t>
    </rPh>
    <phoneticPr fontId="1"/>
  </si>
  <si>
    <t>平成22年度以前/不明</t>
    <rPh sb="0" eb="2">
      <t>ヘイセイ</t>
    </rPh>
    <rPh sb="4" eb="6">
      <t>ネンド</t>
    </rPh>
    <rPh sb="6" eb="8">
      <t>イゼン</t>
    </rPh>
    <rPh sb="9" eb="11">
      <t>フメイ</t>
    </rPh>
    <phoneticPr fontId="1"/>
  </si>
  <si>
    <t>不明</t>
    <rPh sb="0" eb="2">
      <t>フメイ</t>
    </rPh>
    <phoneticPr fontId="1"/>
  </si>
  <si>
    <t>大学病院</t>
  </si>
  <si>
    <t>クリニック
診療所</t>
    <rPh sb="6" eb="9">
      <t>シンリョウジョ</t>
    </rPh>
    <phoneticPr fontId="1"/>
  </si>
  <si>
    <t>精神看護</t>
    <rPh sb="0" eb="2">
      <t>セイシン</t>
    </rPh>
    <rPh sb="2" eb="4">
      <t>カンゴ</t>
    </rPh>
    <phoneticPr fontId="1"/>
  </si>
  <si>
    <t>がん看護</t>
    <rPh sb="2" eb="4">
      <t>カンゴ</t>
    </rPh>
    <phoneticPr fontId="1"/>
  </si>
  <si>
    <t>小児看護</t>
    <rPh sb="0" eb="2">
      <t>ショウニ</t>
    </rPh>
    <rPh sb="2" eb="4">
      <t>カンゴ</t>
    </rPh>
    <phoneticPr fontId="1"/>
  </si>
  <si>
    <t>慢性疾患看護</t>
    <rPh sb="0" eb="2">
      <t>マンセイ</t>
    </rPh>
    <rPh sb="2" eb="4">
      <t>シッカン</t>
    </rPh>
    <rPh sb="4" eb="6">
      <t>カンゴ</t>
    </rPh>
    <phoneticPr fontId="1"/>
  </si>
  <si>
    <t>緩和ケア</t>
    <rPh sb="0" eb="2">
      <t>カンワ</t>
    </rPh>
    <phoneticPr fontId="1"/>
  </si>
  <si>
    <t>訪問看護</t>
    <rPh sb="0" eb="2">
      <t>ホウモン</t>
    </rPh>
    <rPh sb="2" eb="4">
      <t>カンゴ</t>
    </rPh>
    <phoneticPr fontId="1"/>
  </si>
  <si>
    <t>がん性疼痛</t>
    <rPh sb="2" eb="3">
      <t>セイ</t>
    </rPh>
    <rPh sb="3" eb="5">
      <t>トウツウ</t>
    </rPh>
    <phoneticPr fontId="1"/>
  </si>
  <si>
    <t>糖尿病</t>
    <rPh sb="0" eb="3">
      <t>トウニョウビョウ</t>
    </rPh>
    <phoneticPr fontId="1"/>
  </si>
  <si>
    <t>皮膚・排泄ケア</t>
    <rPh sb="0" eb="2">
      <t>ヒフ</t>
    </rPh>
    <rPh sb="3" eb="5">
      <t>ハイセツ</t>
    </rPh>
    <phoneticPr fontId="1"/>
  </si>
  <si>
    <t>集中ケア</t>
    <rPh sb="0" eb="2">
      <t>シュウチュウ</t>
    </rPh>
    <phoneticPr fontId="1"/>
  </si>
  <si>
    <t>研修・講習・講演会</t>
    <rPh sb="0" eb="2">
      <t>ケンシュウ</t>
    </rPh>
    <rPh sb="3" eb="5">
      <t>コウシュウ</t>
    </rPh>
    <rPh sb="6" eb="9">
      <t>コウエンカイ</t>
    </rPh>
    <phoneticPr fontId="1"/>
  </si>
  <si>
    <t>居宅介護支援事業所</t>
    <rPh sb="0" eb="2">
      <t>キョタク</t>
    </rPh>
    <rPh sb="2" eb="4">
      <t>カイゴ</t>
    </rPh>
    <rPh sb="4" eb="9">
      <t>シエンジギョウショ</t>
    </rPh>
    <phoneticPr fontId="1"/>
  </si>
  <si>
    <t>医療機関</t>
    <rPh sb="0" eb="2">
      <t>イリョウ</t>
    </rPh>
    <rPh sb="2" eb="4">
      <t>キカン</t>
    </rPh>
    <phoneticPr fontId="1"/>
  </si>
  <si>
    <t>ST職員</t>
    <rPh sb="2" eb="4">
      <t>ショクイン</t>
    </rPh>
    <phoneticPr fontId="1"/>
  </si>
  <si>
    <t>学生・実習生・研修生</t>
    <rPh sb="0" eb="2">
      <t>ガクセイ</t>
    </rPh>
    <rPh sb="3" eb="6">
      <t>ジッシュウセイ</t>
    </rPh>
    <rPh sb="7" eb="10">
      <t>ケンシュウセイ</t>
    </rPh>
    <phoneticPr fontId="1"/>
  </si>
  <si>
    <t>患者・利用者・家族</t>
    <rPh sb="0" eb="2">
      <t>カンジャ</t>
    </rPh>
    <rPh sb="3" eb="6">
      <t>リヨウシャ</t>
    </rPh>
    <rPh sb="7" eb="9">
      <t>カゾク</t>
    </rPh>
    <phoneticPr fontId="1"/>
  </si>
  <si>
    <t>n=320</t>
    <phoneticPr fontId="1"/>
  </si>
  <si>
    <t>H31.4.1総数　人（a)</t>
    <rPh sb="7" eb="9">
      <t>ソウスウ</t>
    </rPh>
    <rPh sb="10" eb="11">
      <t>ニン</t>
    </rPh>
    <phoneticPr fontId="1"/>
  </si>
  <si>
    <t>R2.3.31総数　人(b)</t>
    <rPh sb="7" eb="9">
      <t>ソウスウ</t>
    </rPh>
    <rPh sb="10" eb="11">
      <t>ニン</t>
    </rPh>
    <phoneticPr fontId="1"/>
  </si>
  <si>
    <t>n=567</t>
    <phoneticPr fontId="1"/>
  </si>
  <si>
    <t>（「令和２年度かながわ訪問看護ステーション一覧（神奈川県看護協会作成）」より）</t>
    <rPh sb="2" eb="4">
      <t>レイワ</t>
    </rPh>
    <rPh sb="5" eb="7">
      <t>ネンド</t>
    </rPh>
    <rPh sb="7" eb="9">
      <t>ヘイネンド</t>
    </rPh>
    <rPh sb="11" eb="13">
      <t>ホウモン</t>
    </rPh>
    <rPh sb="13" eb="15">
      <t>カンゴ</t>
    </rPh>
    <rPh sb="21" eb="23">
      <t>イチラン</t>
    </rPh>
    <rPh sb="24" eb="28">
      <t>カナガワケン</t>
    </rPh>
    <rPh sb="28" eb="30">
      <t>カンゴ</t>
    </rPh>
    <rPh sb="30" eb="32">
      <t>キョウカイ</t>
    </rPh>
    <rPh sb="32" eb="34">
      <t>サクセイ</t>
    </rPh>
    <phoneticPr fontId="1"/>
  </si>
  <si>
    <t>最大38年　　平均5.5年</t>
  </si>
  <si>
    <t>特定非営利活動法人（NPO)</t>
    <rPh sb="0" eb="2">
      <t>トクテイ</t>
    </rPh>
    <rPh sb="2" eb="3">
      <t>ヒ</t>
    </rPh>
    <rPh sb="3" eb="5">
      <t>エイリ</t>
    </rPh>
    <rPh sb="5" eb="7">
      <t>カツドウ</t>
    </rPh>
    <rPh sb="7" eb="9">
      <t>ホウジン</t>
    </rPh>
    <phoneticPr fontId="1"/>
  </si>
  <si>
    <t>（一・公）社団・財団法人</t>
    <rPh sb="1" eb="2">
      <t>イチ</t>
    </rPh>
    <rPh sb="3" eb="4">
      <t>コウ</t>
    </rPh>
    <rPh sb="5" eb="7">
      <t>シャダン</t>
    </rPh>
    <rPh sb="8" eb="10">
      <t>ザイダン</t>
    </rPh>
    <rPh sb="10" eb="12">
      <t>ホウジン</t>
    </rPh>
    <phoneticPr fontId="1"/>
  </si>
  <si>
    <t>H30年度(n=291)</t>
    <rPh sb="3" eb="5">
      <t>ネンド</t>
    </rPh>
    <phoneticPr fontId="1"/>
  </si>
  <si>
    <t>MSW/社会福祉士</t>
    <rPh sb="4" eb="6">
      <t>シャカイ</t>
    </rPh>
    <rPh sb="6" eb="8">
      <t>フクシ</t>
    </rPh>
    <rPh sb="8" eb="9">
      <t>シ</t>
    </rPh>
    <phoneticPr fontId="1"/>
  </si>
  <si>
    <t>精神保健福祉士</t>
    <rPh sb="0" eb="7">
      <t>セイシンホケンフクシシ</t>
    </rPh>
    <phoneticPr fontId="1"/>
  </si>
  <si>
    <t>クリニック事務</t>
    <phoneticPr fontId="1"/>
  </si>
  <si>
    <t>ケアマネージャー</t>
    <phoneticPr fontId="1"/>
  </si>
  <si>
    <t>介護福祉士/介護士</t>
    <rPh sb="0" eb="2">
      <t>カイゴ</t>
    </rPh>
    <rPh sb="2" eb="5">
      <t>フクシシ</t>
    </rPh>
    <rPh sb="6" eb="8">
      <t>カイゴ</t>
    </rPh>
    <rPh sb="8" eb="9">
      <t>シ</t>
    </rPh>
    <phoneticPr fontId="1"/>
  </si>
  <si>
    <t>事務介護補助</t>
    <rPh sb="0" eb="2">
      <t>ジム</t>
    </rPh>
    <rPh sb="2" eb="4">
      <t>カイゴ</t>
    </rPh>
    <rPh sb="4" eb="6">
      <t>ホジョ</t>
    </rPh>
    <phoneticPr fontId="1"/>
  </si>
  <si>
    <t>音楽療法士</t>
    <rPh sb="0" eb="2">
      <t>オンガク</t>
    </rPh>
    <rPh sb="2" eb="5">
      <t>リョウホウシ</t>
    </rPh>
    <phoneticPr fontId="1"/>
  </si>
  <si>
    <t>看護（病院・診療所以外）</t>
    <rPh sb="0" eb="2">
      <t>カンゴ</t>
    </rPh>
    <rPh sb="3" eb="5">
      <t>ビョウイン</t>
    </rPh>
    <rPh sb="6" eb="9">
      <t>シンリョウジョ</t>
    </rPh>
    <rPh sb="9" eb="11">
      <t>イガイ</t>
    </rPh>
    <phoneticPr fontId="1"/>
  </si>
  <si>
    <t>教育</t>
    <rPh sb="0" eb="2">
      <t>キョウイク</t>
    </rPh>
    <phoneticPr fontId="1"/>
  </si>
  <si>
    <t>その他</t>
    <rPh sb="2" eb="3">
      <t>ホカ</t>
    </rPh>
    <phoneticPr fontId="1"/>
  </si>
  <si>
    <t>看護補助</t>
    <rPh sb="0" eb="2">
      <t>カンゴ</t>
    </rPh>
    <rPh sb="2" eb="4">
      <t>ホジョ</t>
    </rPh>
    <phoneticPr fontId="1"/>
  </si>
  <si>
    <t>高齢者等福祉施設</t>
    <rPh sb="0" eb="3">
      <t>コウレイシャ</t>
    </rPh>
    <rPh sb="3" eb="4">
      <t>トウ</t>
    </rPh>
    <rPh sb="4" eb="6">
      <t>フクシ</t>
    </rPh>
    <rPh sb="6" eb="8">
      <t>シセツ</t>
    </rPh>
    <phoneticPr fontId="1"/>
  </si>
  <si>
    <t>分類不能</t>
    <rPh sb="0" eb="2">
      <t>ブンルイ</t>
    </rPh>
    <rPh sb="2" eb="4">
      <t>フノウ</t>
    </rPh>
    <phoneticPr fontId="1"/>
  </si>
  <si>
    <t>在宅看護</t>
    <rPh sb="0" eb="2">
      <t>ザイタク</t>
    </rPh>
    <rPh sb="2" eb="4">
      <t>カンゴ</t>
    </rPh>
    <phoneticPr fontId="1"/>
  </si>
  <si>
    <t>家族支援</t>
    <rPh sb="0" eb="2">
      <t>カゾク</t>
    </rPh>
    <rPh sb="2" eb="4">
      <t>シエン</t>
    </rPh>
    <phoneticPr fontId="1"/>
  </si>
  <si>
    <t>脳卒中リハ</t>
    <rPh sb="0" eb="3">
      <t>ノウソッチュウ</t>
    </rPh>
    <phoneticPr fontId="1"/>
  </si>
  <si>
    <t>がん化学療法</t>
    <rPh sb="2" eb="4">
      <t>カガク</t>
    </rPh>
    <rPh sb="4" eb="6">
      <t>リョウホウ</t>
    </rPh>
    <phoneticPr fontId="1"/>
  </si>
  <si>
    <t>n=566</t>
  </si>
  <si>
    <t>n=562</t>
  </si>
  <si>
    <t>実人員数（H31.4.1現在）</t>
    <rPh sb="0" eb="1">
      <t>ジツ</t>
    </rPh>
    <rPh sb="1" eb="3">
      <t>ジンイン</t>
    </rPh>
    <rPh sb="3" eb="4">
      <t>スウ</t>
    </rPh>
    <rPh sb="12" eb="14">
      <t>ゲンザイ</t>
    </rPh>
    <phoneticPr fontId="1"/>
  </si>
  <si>
    <t>常勤換算数（H31.4.1現在）　</t>
    <rPh sb="0" eb="2">
      <t>ジョウキン</t>
    </rPh>
    <rPh sb="2" eb="4">
      <t>カンサン</t>
    </rPh>
    <rPh sb="4" eb="5">
      <t>スウ</t>
    </rPh>
    <rPh sb="13" eb="15">
      <t>ゲンザイ</t>
    </rPh>
    <phoneticPr fontId="1"/>
  </si>
  <si>
    <t>n=402</t>
  </si>
  <si>
    <t>日本赤十字社・
社会保険関係団体</t>
    <rPh sb="0" eb="2">
      <t>ニホン</t>
    </rPh>
    <rPh sb="2" eb="5">
      <t>セキジュウジ</t>
    </rPh>
    <rPh sb="5" eb="6">
      <t>シャ</t>
    </rPh>
    <rPh sb="8" eb="10">
      <t>シャカイ</t>
    </rPh>
    <rPh sb="10" eb="12">
      <t>ホケン</t>
    </rPh>
    <rPh sb="12" eb="14">
      <t>カンケイ</t>
    </rPh>
    <rPh sb="14" eb="16">
      <t>ダンタイ</t>
    </rPh>
    <phoneticPr fontId="1"/>
  </si>
  <si>
    <t>ナースプラクティショナー</t>
    <phoneticPr fontId="1"/>
  </si>
  <si>
    <t>認定看護管理者</t>
    <rPh sb="0" eb="2">
      <t>ニンテイ</t>
    </rPh>
    <rPh sb="2" eb="4">
      <t>カンゴ</t>
    </rPh>
    <rPh sb="4" eb="7">
      <t>カンリシャ</t>
    </rPh>
    <phoneticPr fontId="1"/>
  </si>
  <si>
    <t>ケアマネ向け</t>
    <rPh sb="4" eb="5">
      <t>ム</t>
    </rPh>
    <phoneticPr fontId="1"/>
  </si>
  <si>
    <t>ケアマネジャー</t>
  </si>
  <si>
    <t>看護フェスティバル</t>
    <rPh sb="0" eb="2">
      <t>カンゴ</t>
    </rPh>
    <phoneticPr fontId="1"/>
  </si>
  <si>
    <t>営業・ご挨拶時</t>
    <rPh sb="0" eb="2">
      <t>エイギョウ</t>
    </rPh>
    <rPh sb="4" eb="6">
      <t>アイサツ</t>
    </rPh>
    <rPh sb="6" eb="7">
      <t>ジ</t>
    </rPh>
    <phoneticPr fontId="1"/>
  </si>
  <si>
    <t>退院支援看護師・MSW</t>
    <rPh sb="0" eb="2">
      <t>タイイン</t>
    </rPh>
    <rPh sb="2" eb="4">
      <t>シエン</t>
    </rPh>
    <rPh sb="4" eb="7">
      <t>カンゴシ</t>
    </rPh>
    <phoneticPr fontId="1"/>
  </si>
  <si>
    <t>一般・地域住民</t>
    <rPh sb="0" eb="2">
      <t>イッパン</t>
    </rPh>
    <rPh sb="3" eb="5">
      <t>チイキ</t>
    </rPh>
    <rPh sb="5" eb="7">
      <t>ジュウミン</t>
    </rPh>
    <phoneticPr fontId="1"/>
  </si>
  <si>
    <t>利用説明・契約時</t>
    <rPh sb="0" eb="2">
      <t>リヨウ</t>
    </rPh>
    <rPh sb="2" eb="4">
      <t>セツメイ</t>
    </rPh>
    <rPh sb="5" eb="7">
      <t>ケイヤク</t>
    </rPh>
    <rPh sb="7" eb="8">
      <t>ジ</t>
    </rPh>
    <phoneticPr fontId="1"/>
  </si>
  <si>
    <t>事業所内に掲示</t>
    <rPh sb="0" eb="3">
      <t>ジギョウショ</t>
    </rPh>
    <rPh sb="3" eb="4">
      <t>ナイ</t>
    </rPh>
    <rPh sb="5" eb="7">
      <t>ケイジ</t>
    </rPh>
    <phoneticPr fontId="1"/>
  </si>
  <si>
    <t>修了</t>
    <rPh sb="0" eb="2">
      <t>シュウリョウ</t>
    </rPh>
    <phoneticPr fontId="1"/>
  </si>
  <si>
    <t>66人</t>
    <rPh sb="2" eb="3">
      <t>ニン</t>
    </rPh>
    <phoneticPr fontId="1"/>
  </si>
  <si>
    <t>75人</t>
    <rPh sb="2" eb="3">
      <t>ニン</t>
    </rPh>
    <phoneticPr fontId="1"/>
  </si>
  <si>
    <t>資格名</t>
    <rPh sb="0" eb="2">
      <t>シカク</t>
    </rPh>
    <rPh sb="2" eb="3">
      <t>メイ</t>
    </rPh>
    <phoneticPr fontId="1"/>
  </si>
  <si>
    <t>分野不明</t>
    <rPh sb="0" eb="2">
      <t>ブンヤ</t>
    </rPh>
    <rPh sb="2" eb="4">
      <t>フメイ</t>
    </rPh>
    <phoneticPr fontId="1"/>
  </si>
  <si>
    <t>専任教員養成講習会修了者</t>
    <rPh sb="0" eb="2">
      <t>センニン</t>
    </rPh>
    <rPh sb="2" eb="4">
      <t>キョウイン</t>
    </rPh>
    <rPh sb="4" eb="6">
      <t>ヨウセイ</t>
    </rPh>
    <rPh sb="6" eb="9">
      <t>コウシュウカイ</t>
    </rPh>
    <rPh sb="9" eb="12">
      <t>シュウリョウシャ</t>
    </rPh>
    <phoneticPr fontId="1"/>
  </si>
  <si>
    <t>実習指導者講習会修了者</t>
    <rPh sb="0" eb="2">
      <t>ジッシュウ</t>
    </rPh>
    <rPh sb="2" eb="5">
      <t>シドウシャ</t>
    </rPh>
    <rPh sb="5" eb="7">
      <t>コウシュウ</t>
    </rPh>
    <rPh sb="7" eb="8">
      <t>カイ</t>
    </rPh>
    <rPh sb="8" eb="11">
      <t>シュウリョウシャ</t>
    </rPh>
    <phoneticPr fontId="1"/>
  </si>
  <si>
    <t>構成比(％)</t>
    <rPh sb="0" eb="3">
      <t>コウセイヒ</t>
    </rPh>
    <phoneticPr fontId="1"/>
  </si>
  <si>
    <t>回答数</t>
    <rPh sb="0" eb="2">
      <t>カイトウ</t>
    </rPh>
    <rPh sb="2" eb="3">
      <t>スウ</t>
    </rPh>
    <phoneticPr fontId="1"/>
  </si>
  <si>
    <t>横須賀
・三浦</t>
    <rPh sb="0" eb="3">
      <t>ヨコスカ</t>
    </rPh>
    <rPh sb="5" eb="7">
      <t>ミウラ</t>
    </rPh>
    <phoneticPr fontId="1"/>
  </si>
  <si>
    <t>結婚・出産
・子育て</t>
    <rPh sb="0" eb="2">
      <t>ケッコン</t>
    </rPh>
    <rPh sb="3" eb="5">
      <t>シュッサン</t>
    </rPh>
    <rPh sb="7" eb="9">
      <t>コソダ</t>
    </rPh>
    <phoneticPr fontId="1"/>
  </si>
  <si>
    <t>n=550</t>
    <phoneticPr fontId="1"/>
  </si>
  <si>
    <t>60～80未</t>
    <rPh sb="5" eb="6">
      <t>ミ</t>
    </rPh>
    <phoneticPr fontId="1"/>
  </si>
  <si>
    <t>40～60未</t>
    <rPh sb="5" eb="6">
      <t>ミ</t>
    </rPh>
    <phoneticPr fontId="1"/>
  </si>
  <si>
    <t>40未満</t>
    <rPh sb="2" eb="4">
      <t>ミマン</t>
    </rPh>
    <phoneticPr fontId="1"/>
  </si>
  <si>
    <t>80以上</t>
    <rPh sb="2" eb="4">
      <t>イジョウ</t>
    </rPh>
    <phoneticPr fontId="1"/>
  </si>
  <si>
    <t>無し・不明</t>
    <rPh sb="0" eb="1">
      <t>ナ</t>
    </rPh>
    <rPh sb="3" eb="5">
      <t>フメイ</t>
    </rPh>
    <phoneticPr fontId="1"/>
  </si>
  <si>
    <t>平成30,令和元年度</t>
    <rPh sb="0" eb="2">
      <t>ヘイセイ</t>
    </rPh>
    <rPh sb="5" eb="7">
      <t>レイワ</t>
    </rPh>
    <rPh sb="7" eb="9">
      <t>ガンネン</t>
    </rPh>
    <rPh sb="9" eb="10">
      <t>ド</t>
    </rPh>
    <phoneticPr fontId="1"/>
  </si>
  <si>
    <t>離職率（％）</t>
    <rPh sb="0" eb="3">
      <t>リショクリツ</t>
    </rPh>
    <phoneticPr fontId="1"/>
  </si>
  <si>
    <t>R1年度離職率（％）</t>
    <rPh sb="2" eb="4">
      <t>ネンド</t>
    </rPh>
    <rPh sb="4" eb="7">
      <t>リショクリツ</t>
    </rPh>
    <phoneticPr fontId="1"/>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ドライバー</t>
    <phoneticPr fontId="1"/>
  </si>
  <si>
    <t>医療圏別回収率（％）</t>
    <rPh sb="0" eb="2">
      <t>イリョウ</t>
    </rPh>
    <rPh sb="2" eb="3">
      <t>ケン</t>
    </rPh>
    <rPh sb="3" eb="4">
      <t>ベツ</t>
    </rPh>
    <rPh sb="4" eb="6">
      <t>カイシュウ</t>
    </rPh>
    <rPh sb="6" eb="7">
      <t>リツ</t>
    </rPh>
    <phoneticPr fontId="1"/>
  </si>
  <si>
    <t>人員数（常勤換算）</t>
    <rPh sb="0" eb="2">
      <t>ジンイン</t>
    </rPh>
    <rPh sb="2" eb="3">
      <t>スウ</t>
    </rPh>
    <rPh sb="4" eb="6">
      <t>ジョウキン</t>
    </rPh>
    <rPh sb="6" eb="8">
      <t>カンサン</t>
    </rPh>
    <phoneticPr fontId="1"/>
  </si>
  <si>
    <t>平成30，令和元年度</t>
    <rPh sb="0" eb="2">
      <t>ヘイセイ</t>
    </rPh>
    <rPh sb="5" eb="7">
      <t>レイワ</t>
    </rPh>
    <rPh sb="7" eb="9">
      <t>ガンネン</t>
    </rPh>
    <rPh sb="9" eb="10">
      <t>ド</t>
    </rPh>
    <phoneticPr fontId="1"/>
  </si>
  <si>
    <t>人数（人）</t>
    <phoneticPr fontId="1"/>
  </si>
  <si>
    <t>人員数（実人数）</t>
    <rPh sb="0" eb="2">
      <t>ジンイン</t>
    </rPh>
    <rPh sb="2" eb="3">
      <t>スウ</t>
    </rPh>
    <rPh sb="4" eb="5">
      <t>ジツ</t>
    </rPh>
    <phoneticPr fontId="1"/>
  </si>
  <si>
    <t>退職者数   　人(c)</t>
    <rPh sb="0" eb="2">
      <t>タイショク</t>
    </rPh>
    <rPh sb="2" eb="3">
      <t>シャ</t>
    </rPh>
    <rPh sb="3" eb="4">
      <t>スウ</t>
    </rPh>
    <rPh sb="8" eb="9">
      <t>ニン</t>
    </rPh>
    <phoneticPr fontId="1"/>
  </si>
  <si>
    <t>公立・大学病院以外の病院</t>
    <rPh sb="0" eb="2">
      <t>コウリツ</t>
    </rPh>
    <rPh sb="3" eb="5">
      <t>ダイガク</t>
    </rPh>
    <rPh sb="5" eb="7">
      <t>ビョウイン</t>
    </rPh>
    <rPh sb="7" eb="9">
      <t>イガイ</t>
    </rPh>
    <rPh sb="10" eb="12">
      <t>ビョウイン</t>
    </rPh>
    <phoneticPr fontId="1"/>
  </si>
  <si>
    <t>　１．調査方法</t>
    <rPh sb="3" eb="5">
      <t>チョウサ</t>
    </rPh>
    <rPh sb="5" eb="7">
      <t>ホウホウ</t>
    </rPh>
    <phoneticPr fontId="1"/>
  </si>
  <si>
    <t>神奈川県内の訪問看護ステーション738事業所（前年度対象690事業所）</t>
    <phoneticPr fontId="1"/>
  </si>
  <si>
    <t>566事業所　有効回収率76.7％（前年度回収率67.1％）</t>
    <rPh sb="7" eb="9">
      <t>ユウコウ</t>
    </rPh>
    <rPh sb="9" eb="11">
      <t>カイシュウ</t>
    </rPh>
    <rPh sb="11" eb="12">
      <t>リツ</t>
    </rPh>
    <rPh sb="18" eb="21">
      <t>ゼンネンド</t>
    </rPh>
    <rPh sb="21" eb="23">
      <t>カイシュウ</t>
    </rPh>
    <rPh sb="23" eb="24">
      <t>リツ</t>
    </rPh>
    <phoneticPr fontId="1"/>
  </si>
  <si>
    <t>※「訪問看護ステーション」以下「ST」とする</t>
    <rPh sb="2" eb="4">
      <t>ホウモン</t>
    </rPh>
    <rPh sb="4" eb="6">
      <t>カンゴ</t>
    </rPh>
    <rPh sb="13" eb="15">
      <t>イカ</t>
    </rPh>
    <phoneticPr fontId="1"/>
  </si>
  <si>
    <t>１）調査目的：</t>
    <rPh sb="2" eb="4">
      <t>チョウサ</t>
    </rPh>
    <rPh sb="4" eb="6">
      <t>モクテキ</t>
    </rPh>
    <phoneticPr fontId="1"/>
  </si>
  <si>
    <t>２）調査対象：</t>
    <rPh sb="2" eb="4">
      <t>チョウサ</t>
    </rPh>
    <rPh sb="4" eb="6">
      <t>タイショウ</t>
    </rPh>
    <phoneticPr fontId="1"/>
  </si>
  <si>
    <t>４）回答数：</t>
    <rPh sb="2" eb="5">
      <t>カイトウスウ</t>
    </rPh>
    <phoneticPr fontId="1"/>
  </si>
  <si>
    <t>　２．事業所の背景</t>
    <rPh sb="3" eb="6">
      <t>ジギョウショ</t>
    </rPh>
    <rPh sb="7" eb="9">
      <t>ハイケイ</t>
    </rPh>
    <phoneticPr fontId="1"/>
  </si>
  <si>
    <t>１）開設年度別事業所数　</t>
    <rPh sb="2" eb="4">
      <t>カイセツ</t>
    </rPh>
    <rPh sb="4" eb="6">
      <t>ネンド</t>
    </rPh>
    <rPh sb="6" eb="7">
      <t>ベツ</t>
    </rPh>
    <rPh sb="7" eb="10">
      <t>ジギョウショ</t>
    </rPh>
    <rPh sb="10" eb="11">
      <t>スウ</t>
    </rPh>
    <phoneticPr fontId="1"/>
  </si>
  <si>
    <t xml:space="preserve">２） 管理者経験年数 </t>
    <rPh sb="3" eb="6">
      <t>カンリシャ</t>
    </rPh>
    <rPh sb="6" eb="8">
      <t>ケイケン</t>
    </rPh>
    <rPh sb="8" eb="10">
      <t>ネンスウ</t>
    </rPh>
    <phoneticPr fontId="1"/>
  </si>
  <si>
    <t>３）実人員数及び常勤換算数（令和2年度開設事業所を除く）</t>
    <rPh sb="2" eb="3">
      <t>ジツ</t>
    </rPh>
    <rPh sb="3" eb="5">
      <t>ジンイン</t>
    </rPh>
    <rPh sb="5" eb="6">
      <t>スウ</t>
    </rPh>
    <rPh sb="6" eb="7">
      <t>オヨ</t>
    </rPh>
    <rPh sb="8" eb="10">
      <t>ジョウキン</t>
    </rPh>
    <rPh sb="10" eb="12">
      <t>カンサン</t>
    </rPh>
    <rPh sb="12" eb="13">
      <t>スウ</t>
    </rPh>
    <rPh sb="14" eb="16">
      <t>レイワ</t>
    </rPh>
    <rPh sb="17" eb="18">
      <t>ネン</t>
    </rPh>
    <rPh sb="19" eb="21">
      <t>カイセツ</t>
    </rPh>
    <rPh sb="21" eb="24">
      <t>ジギョウショ</t>
    </rPh>
    <rPh sb="25" eb="26">
      <t>ノゾ</t>
    </rPh>
    <phoneticPr fontId="1"/>
  </si>
  <si>
    <t>４）事業所設置主体</t>
    <rPh sb="2" eb="5">
      <t>ジギョウショ</t>
    </rPh>
    <rPh sb="5" eb="7">
      <t>セッチ</t>
    </rPh>
    <rPh sb="7" eb="9">
      <t>シュタイ</t>
    </rPh>
    <phoneticPr fontId="1"/>
  </si>
  <si>
    <t>５）令和元年9月の事業所総訪問件数のうち看護職訪問件数の占める割合（60分＝1件換算）</t>
    <rPh sb="2" eb="4">
      <t>レイワ</t>
    </rPh>
    <rPh sb="4" eb="6">
      <t>ガンネン</t>
    </rPh>
    <rPh sb="7" eb="8">
      <t>ガツ</t>
    </rPh>
    <rPh sb="9" eb="12">
      <t>ジギョウショ</t>
    </rPh>
    <rPh sb="12" eb="13">
      <t>ソウ</t>
    </rPh>
    <rPh sb="13" eb="15">
      <t>ホウモン</t>
    </rPh>
    <rPh sb="15" eb="17">
      <t>ケンスウ</t>
    </rPh>
    <rPh sb="20" eb="23">
      <t>カンゴショク</t>
    </rPh>
    <rPh sb="23" eb="25">
      <t>ホウモン</t>
    </rPh>
    <rPh sb="25" eb="27">
      <t>ケンスウ</t>
    </rPh>
    <rPh sb="28" eb="29">
      <t>シ</t>
    </rPh>
    <rPh sb="31" eb="33">
      <t>ワリアイ</t>
    </rPh>
    <rPh sb="36" eb="37">
      <t>フン</t>
    </rPh>
    <rPh sb="39" eb="40">
      <t>ケン</t>
    </rPh>
    <rPh sb="40" eb="42">
      <t>カンサン</t>
    </rPh>
    <phoneticPr fontId="1"/>
  </si>
  <si>
    <t>訪問看護ステーションの看護職員就業状況について実態を把握し、</t>
    <phoneticPr fontId="1"/>
  </si>
  <si>
    <t>看護職員確保対策に活用する。</t>
  </si>
  <si>
    <t>※図及び統計表の数値は小数第二位を四捨五入しているため、項目の和が合計とは必ずしも一致しない</t>
    <rPh sb="1" eb="2">
      <t>ズ</t>
    </rPh>
    <rPh sb="2" eb="3">
      <t>オヨ</t>
    </rPh>
    <rPh sb="4" eb="7">
      <t>トウケイヒョウ</t>
    </rPh>
    <rPh sb="8" eb="10">
      <t>スウチ</t>
    </rPh>
    <rPh sb="11" eb="13">
      <t>ショウスウ</t>
    </rPh>
    <rPh sb="13" eb="14">
      <t>ダイ</t>
    </rPh>
    <rPh sb="14" eb="16">
      <t>ニイ</t>
    </rPh>
    <rPh sb="17" eb="21">
      <t>シシャゴニュウ</t>
    </rPh>
    <rPh sb="28" eb="30">
      <t>コウモク</t>
    </rPh>
    <rPh sb="31" eb="32">
      <t>ワ</t>
    </rPh>
    <rPh sb="33" eb="35">
      <t>ゴウケイ</t>
    </rPh>
    <rPh sb="37" eb="38">
      <t>カナラ</t>
    </rPh>
    <rPh sb="41" eb="43">
      <t>イッチ</t>
    </rPh>
    <phoneticPr fontId="1"/>
  </si>
  <si>
    <t>　　※訪問率＝看護職訪問件数/事業所総訪問件数*100(%)</t>
    <rPh sb="3" eb="5">
      <t>ホウモン</t>
    </rPh>
    <rPh sb="5" eb="6">
      <t>リツ</t>
    </rPh>
    <rPh sb="7" eb="10">
      <t>カンゴショク</t>
    </rPh>
    <rPh sb="10" eb="12">
      <t>ホウモン</t>
    </rPh>
    <rPh sb="12" eb="14">
      <t>ケンスウ</t>
    </rPh>
    <rPh sb="15" eb="18">
      <t>ジギョウショ</t>
    </rPh>
    <rPh sb="18" eb="23">
      <t>ソウホウモンケンスウ</t>
    </rPh>
    <phoneticPr fontId="1"/>
  </si>
  <si>
    <t>　１．看護職員離職率</t>
    <rPh sb="3" eb="5">
      <t>カンゴ</t>
    </rPh>
    <rPh sb="5" eb="7">
      <t>ショクイン</t>
    </rPh>
    <rPh sb="7" eb="10">
      <t>リショクリツ</t>
    </rPh>
    <phoneticPr fontId="1"/>
  </si>
  <si>
    <t>１）職種別離職率</t>
    <rPh sb="2" eb="4">
      <t>ショクシュ</t>
    </rPh>
    <rPh sb="4" eb="5">
      <t>ベツ</t>
    </rPh>
    <rPh sb="5" eb="8">
      <t>リショクリツ</t>
    </rPh>
    <phoneticPr fontId="1"/>
  </si>
  <si>
    <t>３）二次医療圏別離職率</t>
    <rPh sb="2" eb="4">
      <t>ニジ</t>
    </rPh>
    <rPh sb="4" eb="6">
      <t>イリョウ</t>
    </rPh>
    <rPh sb="6" eb="7">
      <t>ケン</t>
    </rPh>
    <rPh sb="7" eb="8">
      <t>ベツ</t>
    </rPh>
    <rPh sb="8" eb="10">
      <t>リショク</t>
    </rPh>
    <rPh sb="10" eb="11">
      <t>リツ</t>
    </rPh>
    <phoneticPr fontId="1"/>
  </si>
  <si>
    <t>２）職種別離職率・経年推移</t>
    <rPh sb="2" eb="4">
      <t>ショクシュ</t>
    </rPh>
    <rPh sb="4" eb="5">
      <t>ベツ</t>
    </rPh>
    <rPh sb="5" eb="8">
      <t>リショクリツ</t>
    </rPh>
    <rPh sb="9" eb="11">
      <t>ケイネン</t>
    </rPh>
    <rPh sb="11" eb="13">
      <t>スイイ</t>
    </rPh>
    <phoneticPr fontId="1"/>
  </si>
  <si>
    <t>　２.看護職員数（男女別・年代別）　その他の職種の職員数</t>
    <rPh sb="3" eb="5">
      <t>カンゴ</t>
    </rPh>
    <rPh sb="5" eb="7">
      <t>ショクイン</t>
    </rPh>
    <rPh sb="7" eb="8">
      <t>スウ</t>
    </rPh>
    <rPh sb="9" eb="11">
      <t>ダンジョ</t>
    </rPh>
    <rPh sb="11" eb="12">
      <t>ベツ</t>
    </rPh>
    <rPh sb="13" eb="16">
      <t>ネンダイベツ</t>
    </rPh>
    <rPh sb="20" eb="21">
      <t>タ</t>
    </rPh>
    <rPh sb="22" eb="24">
      <t>ショクシュ</t>
    </rPh>
    <rPh sb="25" eb="28">
      <t>ショクインスウ</t>
    </rPh>
    <phoneticPr fontId="1"/>
  </si>
  <si>
    <t>１）男女別看護職員数</t>
    <rPh sb="2" eb="4">
      <t>ダンジョ</t>
    </rPh>
    <rPh sb="4" eb="5">
      <t>ベツ</t>
    </rPh>
    <rPh sb="5" eb="7">
      <t>カンゴ</t>
    </rPh>
    <rPh sb="7" eb="10">
      <t>ショクインスウ</t>
    </rPh>
    <phoneticPr fontId="1"/>
  </si>
  <si>
    <t>３）看護職員以外の従業者数</t>
    <rPh sb="2" eb="4">
      <t>カンゴ</t>
    </rPh>
    <rPh sb="4" eb="6">
      <t>ショクイン</t>
    </rPh>
    <rPh sb="6" eb="8">
      <t>イガイ</t>
    </rPh>
    <rPh sb="9" eb="10">
      <t>ジュウ</t>
    </rPh>
    <rPh sb="10" eb="13">
      <t>ギョウシャスウ</t>
    </rPh>
    <phoneticPr fontId="1"/>
  </si>
  <si>
    <t>４）その他の職種の内訳</t>
    <rPh sb="4" eb="5">
      <t>タ</t>
    </rPh>
    <rPh sb="6" eb="8">
      <t>ショクシュ</t>
    </rPh>
    <rPh sb="9" eb="11">
      <t>ウチワケ</t>
    </rPh>
    <phoneticPr fontId="1"/>
  </si>
  <si>
    <t>３.退職理由</t>
    <rPh sb="2" eb="4">
      <t>タイショク</t>
    </rPh>
    <rPh sb="4" eb="6">
      <t>リユウ</t>
    </rPh>
    <phoneticPr fontId="1"/>
  </si>
  <si>
    <t>４.二次医療圏別状況(開設年度・実人員数・常勤換算数）</t>
    <rPh sb="2" eb="4">
      <t>ニジ</t>
    </rPh>
    <rPh sb="4" eb="6">
      <t>イリョウ</t>
    </rPh>
    <rPh sb="6" eb="7">
      <t>ケン</t>
    </rPh>
    <rPh sb="7" eb="8">
      <t>ベツ</t>
    </rPh>
    <rPh sb="8" eb="10">
      <t>ジョウキョウ</t>
    </rPh>
    <rPh sb="11" eb="13">
      <t>カイセツ</t>
    </rPh>
    <rPh sb="13" eb="15">
      <t>ネンド</t>
    </rPh>
    <rPh sb="16" eb="17">
      <t>ジツ</t>
    </rPh>
    <rPh sb="17" eb="19">
      <t>ジンイン</t>
    </rPh>
    <rPh sb="19" eb="20">
      <t>スウ</t>
    </rPh>
    <rPh sb="21" eb="23">
      <t>ジョウキン</t>
    </rPh>
    <rPh sb="23" eb="25">
      <t>カンサン</t>
    </rPh>
    <rPh sb="25" eb="26">
      <t>スウ</t>
    </rPh>
    <phoneticPr fontId="1"/>
  </si>
  <si>
    <t>構成比(%)</t>
    <phoneticPr fontId="1"/>
  </si>
  <si>
    <t>構成比(%)</t>
    <phoneticPr fontId="1"/>
  </si>
  <si>
    <t>構成比(%)</t>
    <phoneticPr fontId="1"/>
  </si>
  <si>
    <t>構成比(%)</t>
    <phoneticPr fontId="1"/>
  </si>
  <si>
    <t>構成比(%)</t>
    <phoneticPr fontId="1"/>
  </si>
  <si>
    <t>構成比(%)</t>
    <phoneticPr fontId="1"/>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２）採用者の看護師経験年数</t>
    <rPh sb="2" eb="5">
      <t>サイヨウシャ</t>
    </rPh>
    <rPh sb="6" eb="9">
      <t>カンゴシ</t>
    </rPh>
    <rPh sb="9" eb="11">
      <t>ケイケン</t>
    </rPh>
    <rPh sb="11" eb="13">
      <t>ネンスウ</t>
    </rPh>
    <phoneticPr fontId="1"/>
  </si>
  <si>
    <t>３）直近の就業先や就業状況</t>
    <rPh sb="2" eb="4">
      <t>チョッキン</t>
    </rPh>
    <rPh sb="5" eb="7">
      <t>シュウギョウ</t>
    </rPh>
    <rPh sb="7" eb="8">
      <t>サキ</t>
    </rPh>
    <rPh sb="9" eb="11">
      <t>シュウギョウ</t>
    </rPh>
    <rPh sb="11" eb="13">
      <t>ジョウキョウ</t>
    </rPh>
    <phoneticPr fontId="1"/>
  </si>
  <si>
    <t>４）その他の主な就業先</t>
    <rPh sb="4" eb="5">
      <t>タ</t>
    </rPh>
    <rPh sb="6" eb="7">
      <t>オモ</t>
    </rPh>
    <rPh sb="8" eb="10">
      <t>シュウギョウ</t>
    </rPh>
    <rPh sb="10" eb="11">
      <t>サキ</t>
    </rPh>
    <phoneticPr fontId="1"/>
  </si>
  <si>
    <t>その他
（不明を含む）</t>
    <rPh sb="2" eb="3">
      <t>タ</t>
    </rPh>
    <rPh sb="5" eb="7">
      <t>フメイ</t>
    </rPh>
    <rPh sb="8" eb="9">
      <t>フク</t>
    </rPh>
    <phoneticPr fontId="1"/>
  </si>
  <si>
    <t>６.新卒新採用の状況</t>
    <rPh sb="2" eb="4">
      <t>シンソツ</t>
    </rPh>
    <rPh sb="4" eb="7">
      <t>シンサイヨウ</t>
    </rPh>
    <rPh sb="8" eb="10">
      <t>ジョウキョウ</t>
    </rPh>
    <phoneticPr fontId="1"/>
  </si>
  <si>
    <t>８.特定行為研修について</t>
    <rPh sb="2" eb="4">
      <t>トクテイ</t>
    </rPh>
    <rPh sb="4" eb="6">
      <t>コウイ</t>
    </rPh>
    <rPh sb="6" eb="8">
      <t>ケンシュウ</t>
    </rPh>
    <phoneticPr fontId="1"/>
  </si>
  <si>
    <t>１）研修修了者・受講者の状況</t>
    <rPh sb="2" eb="4">
      <t>ケンシュウ</t>
    </rPh>
    <rPh sb="4" eb="7">
      <t>シュウリョウシャ</t>
    </rPh>
    <rPh sb="8" eb="11">
      <t>ジュコウシャ</t>
    </rPh>
    <rPh sb="12" eb="14">
      <t>ジョウキョウ</t>
    </rPh>
    <phoneticPr fontId="1"/>
  </si>
  <si>
    <t>３）２）「有り」のうち、代替職員の雇用経費補助の利用について</t>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３）新卒者への教育プログラムの有無　n=551　　</t>
    <phoneticPr fontId="1"/>
  </si>
  <si>
    <t>２）今後の採用予定　　　　　　　　　n=554</t>
    <phoneticPr fontId="1"/>
  </si>
  <si>
    <t>１０.訪問看護普及啓発活動チラシについて</t>
    <rPh sb="3" eb="5">
      <t>ホウモン</t>
    </rPh>
    <rPh sb="5" eb="7">
      <t>カンゴ</t>
    </rPh>
    <rPh sb="7" eb="9">
      <t>フキュウ</t>
    </rPh>
    <rPh sb="9" eb="11">
      <t>ケイハツ</t>
    </rPh>
    <rPh sb="11" eb="13">
      <t>カツドウ</t>
    </rPh>
    <phoneticPr fontId="1"/>
  </si>
  <si>
    <t>知らない
・不明</t>
    <rPh sb="0" eb="1">
      <t>シ</t>
    </rPh>
    <rPh sb="6" eb="8">
      <t>フメイ</t>
    </rPh>
    <phoneticPr fontId="1"/>
  </si>
  <si>
    <t>２）１）「知っている」のうち、チラシを配布したり説明に使用したことがあるか</t>
    <rPh sb="5" eb="6">
      <t>シ</t>
    </rPh>
    <rPh sb="19" eb="21">
      <t>ハイフ</t>
    </rPh>
    <rPh sb="24" eb="26">
      <t>セツメイ</t>
    </rPh>
    <rPh sb="27" eb="29">
      <t>シヨウ</t>
    </rPh>
    <phoneticPr fontId="1"/>
  </si>
  <si>
    <t>３）対象期間：</t>
    <rPh sb="2" eb="4">
      <t>タイショウ</t>
    </rPh>
    <rPh sb="4" eb="6">
      <t>キカン</t>
    </rPh>
    <phoneticPr fontId="1"/>
  </si>
  <si>
    <t>　　実施期間：</t>
    <rPh sb="2" eb="4">
      <t>ジッシ</t>
    </rPh>
    <rPh sb="4" eb="6">
      <t>キカン</t>
    </rPh>
    <phoneticPr fontId="1"/>
  </si>
  <si>
    <t>3年以上看護職
から離れていた</t>
    <rPh sb="1" eb="4">
      <t>ネンイジョウ</t>
    </rPh>
    <rPh sb="4" eb="7">
      <t>カンゴショク</t>
    </rPh>
    <rPh sb="10" eb="11">
      <t>ハナ</t>
    </rPh>
    <phoneticPr fontId="1"/>
  </si>
  <si>
    <t>２）看護職員の年代別構成比（常勤・非常勤の総数 H31.4.1現在）</t>
    <rPh sb="2" eb="4">
      <t>カンゴ</t>
    </rPh>
    <rPh sb="4" eb="6">
      <t>ショクイン</t>
    </rPh>
    <rPh sb="7" eb="10">
      <t>ネンダイベツ</t>
    </rPh>
    <rPh sb="10" eb="12">
      <t>コウセイ</t>
    </rPh>
    <rPh sb="12" eb="13">
      <t>ヒ</t>
    </rPh>
    <rPh sb="14" eb="16">
      <t>ジョウキン</t>
    </rPh>
    <rPh sb="17" eb="20">
      <t>ヒジョウキン</t>
    </rPh>
    <rPh sb="21" eb="23">
      <t>ソウスウ</t>
    </rPh>
    <phoneticPr fontId="1"/>
  </si>
  <si>
    <t>R１年度(n=349)</t>
    <rPh sb="2" eb="4">
      <t>ネンド</t>
    </rPh>
    <phoneticPr fontId="1"/>
  </si>
  <si>
    <t>他STに転職</t>
    <rPh sb="0" eb="1">
      <t>タ</t>
    </rPh>
    <rPh sb="4" eb="6">
      <t>テンショク</t>
    </rPh>
    <phoneticPr fontId="1"/>
  </si>
  <si>
    <t>その他
(不明含む)</t>
    <rPh sb="2" eb="3">
      <t>タ</t>
    </rPh>
    <rPh sb="5" eb="7">
      <t>フメイ</t>
    </rPh>
    <rPh sb="7" eb="8">
      <t>フク</t>
    </rPh>
    <phoneticPr fontId="1"/>
  </si>
  <si>
    <t>ご自身の
体調不良</t>
    <rPh sb="1" eb="3">
      <t>ジシン</t>
    </rPh>
    <rPh sb="5" eb="7">
      <t>タイチョウ</t>
    </rPh>
    <rPh sb="7" eb="9">
      <t>フリョウ</t>
    </rPh>
    <phoneticPr fontId="1"/>
  </si>
  <si>
    <t>ST以外の他施設に転職</t>
    <rPh sb="2" eb="4">
      <t>イガイ</t>
    </rPh>
    <rPh sb="5" eb="6">
      <t>タ</t>
    </rPh>
    <rPh sb="6" eb="8">
      <t>シセツ</t>
    </rPh>
    <rPh sb="9" eb="11">
      <t>テンショク</t>
    </rPh>
    <phoneticPr fontId="1"/>
  </si>
  <si>
    <t>※チラシ配布期間：H29～R2年</t>
    <rPh sb="4" eb="6">
      <t>ハイフ</t>
    </rPh>
    <rPh sb="6" eb="8">
      <t>キカン</t>
    </rPh>
    <rPh sb="15" eb="16">
      <t>ネン</t>
    </rPh>
    <phoneticPr fontId="1"/>
  </si>
  <si>
    <r>
      <t>３）どのような場面で使用したか 　</t>
    </r>
    <r>
      <rPr>
        <sz val="18"/>
        <rFont val="ＭＳ 明朝"/>
        <family val="1"/>
        <charset val="128"/>
      </rPr>
      <t>※自由回答、重複あり</t>
    </r>
    <rPh sb="7" eb="9">
      <t>バメン</t>
    </rPh>
    <rPh sb="10" eb="12">
      <t>シヨウ</t>
    </rPh>
    <rPh sb="18" eb="20">
      <t>ジユウ</t>
    </rPh>
    <rPh sb="20" eb="22">
      <t>カイトウ</t>
    </rPh>
    <rPh sb="23" eb="25">
      <t>ジュウフク</t>
    </rPh>
    <phoneticPr fontId="1"/>
  </si>
  <si>
    <t>２）令和３年度以降、研修受講計画の有無 n=547</t>
    <rPh sb="2" eb="4">
      <t>レイワ</t>
    </rPh>
    <rPh sb="5" eb="6">
      <t>ネン</t>
    </rPh>
    <rPh sb="6" eb="7">
      <t>ド</t>
    </rPh>
    <rPh sb="7" eb="9">
      <t>イコウ</t>
    </rPh>
    <rPh sb="10" eb="12">
      <t>ケンシュウ</t>
    </rPh>
    <rPh sb="12" eb="14">
      <t>ジュコウ</t>
    </rPh>
    <rPh sb="14" eb="16">
      <t>ケイカク</t>
    </rPh>
    <rPh sb="17" eb="19">
      <t>ウム</t>
    </rPh>
    <phoneticPr fontId="1"/>
  </si>
  <si>
    <r>
      <t>看護師訪問率</t>
    </r>
    <r>
      <rPr>
        <sz val="18"/>
        <rFont val="ＭＳ 明朝"/>
        <family val="1"/>
        <charset val="128"/>
      </rPr>
      <t>※</t>
    </r>
    <rPh sb="0" eb="3">
      <t>カンゴシ</t>
    </rPh>
    <rPh sb="3" eb="5">
      <t>ホウモン</t>
    </rPh>
    <rPh sb="5" eb="6">
      <t>リツ</t>
    </rPh>
    <phoneticPr fontId="1"/>
  </si>
  <si>
    <t>５.経験者採用の状況</t>
    <rPh sb="2" eb="5">
      <t>ケイケンシャ</t>
    </rPh>
    <rPh sb="5" eb="7">
      <t>サイヨウ</t>
    </rPh>
    <rPh sb="8" eb="10">
      <t>ジョウキョウ</t>
    </rPh>
    <phoneticPr fontId="1"/>
  </si>
  <si>
    <r>
      <t>７.専門看護師・認定看護師・ナースプラクティショナー保有者の状況</t>
    </r>
    <r>
      <rPr>
        <sz val="18"/>
        <rFont val="ＭＳ 明朝"/>
        <family val="1"/>
        <charset val="128"/>
      </rPr>
      <t>　※人数重複あり</t>
    </r>
    <phoneticPr fontId="1"/>
  </si>
  <si>
    <t>令和元（2019）年度　看護職員就業実態調査結果（訪問看護ステーション）</t>
    <rPh sb="0" eb="2">
      <t>レイワ</t>
    </rPh>
    <rPh sb="2" eb="3">
      <t>ガン</t>
    </rPh>
    <rPh sb="9" eb="11">
      <t>ネンド</t>
    </rPh>
    <rPh sb="12" eb="14">
      <t>カンゴ</t>
    </rPh>
    <rPh sb="14" eb="16">
      <t>ショクイン</t>
    </rPh>
    <rPh sb="16" eb="18">
      <t>シュウギョウ</t>
    </rPh>
    <rPh sb="18" eb="20">
      <t>ジッタイ</t>
    </rPh>
    <rPh sb="20" eb="22">
      <t>チョウサ</t>
    </rPh>
    <rPh sb="22" eb="24">
      <t>ケッカ</t>
    </rPh>
    <rPh sb="25" eb="27">
      <t>ホウモン</t>
    </rPh>
    <rPh sb="27" eb="29">
      <t>カンゴ</t>
    </rPh>
    <phoneticPr fontId="1"/>
  </si>
  <si>
    <t>平成31（2019）年４月１日～令和２（2020）年３月31日</t>
    <rPh sb="0" eb="2">
      <t>ヘイセイ</t>
    </rPh>
    <rPh sb="16" eb="18">
      <t>レイワ</t>
    </rPh>
    <rPh sb="25" eb="26">
      <t>ドシ</t>
    </rPh>
    <phoneticPr fontId="1"/>
  </si>
  <si>
    <t>令和２（2020）年８月24日～10月16日</t>
    <rPh sb="0" eb="2">
      <t>レイワ</t>
    </rPh>
    <rPh sb="9" eb="10">
      <t>ネン</t>
    </rPh>
    <rPh sb="11" eb="12">
      <t>ガツ</t>
    </rPh>
    <rPh sb="14" eb="15">
      <t>ニチ</t>
    </rPh>
    <rPh sb="18" eb="19">
      <t>ガツ</t>
    </rPh>
    <rPh sb="21" eb="22">
      <t>ニチ</t>
    </rPh>
    <phoneticPr fontId="1"/>
  </si>
  <si>
    <t>１）令和元年度新卒新採用の看護職員数</t>
    <rPh sb="2" eb="4">
      <t>レイワ</t>
    </rPh>
    <rPh sb="4" eb="5">
      <t>ガン</t>
    </rPh>
    <phoneticPr fontId="1"/>
  </si>
  <si>
    <t>＜令和２（2020）年８月実施＞</t>
    <rPh sb="1" eb="3">
      <t>レイワ</t>
    </rPh>
    <rPh sb="10" eb="11">
      <t>ネン</t>
    </rPh>
    <rPh sb="12" eb="13">
      <t>ガツ</t>
    </rPh>
    <rPh sb="13" eb="15">
      <t>ジッシ</t>
    </rPh>
    <phoneticPr fontId="1"/>
  </si>
  <si>
    <t>１）令和元年度の経験者採用数</t>
    <rPh sb="2" eb="7">
      <t>レイワガンネンド</t>
    </rPh>
    <rPh sb="5" eb="7">
      <t>ネンド</t>
    </rPh>
    <rPh sb="8" eb="11">
      <t>ケイケンシャ</t>
    </rPh>
    <rPh sb="11" eb="13">
      <t>サイヨウ</t>
    </rPh>
    <rPh sb="13" eb="14">
      <t>ス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
    <numFmt numFmtId="177" formatCode="0.0%"/>
    <numFmt numFmtId="178" formatCode="#,##0.0;[Red]\-#,##0.0"/>
    <numFmt numFmtId="179" formatCode="_ * #,##0.0_ ;_ * \-#,##0.0_ ;_ * &quot;-&quot;??_ ;_ @_ "/>
    <numFmt numFmtId="180" formatCode="0.0_);[Red]\(0.0\)"/>
  </numFmts>
  <fonts count="39">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2"/>
      <color theme="1"/>
      <name val="ＭＳ 明朝"/>
      <family val="2"/>
      <charset val="128"/>
    </font>
    <font>
      <sz val="12"/>
      <color theme="1"/>
      <name val="ＭＳ 明朝"/>
      <family val="1"/>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14"/>
      <color theme="1"/>
      <name val="ＭＳ 明朝"/>
      <family val="2"/>
      <charset val="128"/>
    </font>
    <font>
      <sz val="6"/>
      <name val="ＭＳ Ｐゴシック"/>
      <family val="3"/>
      <charset val="128"/>
      <scheme val="minor"/>
    </font>
    <font>
      <sz val="6"/>
      <name val="ＭＳ 明朝"/>
      <family val="1"/>
      <charset val="128"/>
    </font>
    <font>
      <sz val="11"/>
      <color theme="1"/>
      <name val="ＭＳ Ｐゴシック"/>
      <family val="2"/>
      <scheme val="minor"/>
    </font>
    <font>
      <sz val="9"/>
      <color theme="1"/>
      <name val="ＭＳ Ｐゴシック"/>
      <family val="3"/>
      <charset val="128"/>
      <scheme val="minor"/>
    </font>
    <font>
      <sz val="11"/>
      <name val="ＭＳ 明朝"/>
      <family val="1"/>
      <charset val="128"/>
    </font>
    <font>
      <sz val="16"/>
      <color theme="1"/>
      <name val="ＭＳ 明朝"/>
      <family val="2"/>
      <charset val="128"/>
    </font>
    <font>
      <sz val="26"/>
      <color theme="1"/>
      <name val="ＭＳ 明朝"/>
      <family val="1"/>
      <charset val="128"/>
    </font>
    <font>
      <b/>
      <sz val="30"/>
      <color theme="1"/>
      <name val="ＭＳ 明朝"/>
      <family val="1"/>
      <charset val="128"/>
    </font>
    <font>
      <sz val="26"/>
      <color theme="1"/>
      <name val="ＭＳ 明朝"/>
      <family val="2"/>
      <charset val="128"/>
    </font>
    <font>
      <sz val="13"/>
      <color theme="1"/>
      <name val="ＭＳ 明朝"/>
      <family val="1"/>
      <charset val="128"/>
    </font>
    <font>
      <sz val="24"/>
      <color theme="1"/>
      <name val="ＭＳ 明朝"/>
      <family val="2"/>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14"/>
      <name val="ＭＳ 明朝"/>
      <family val="1"/>
      <charset val="128"/>
    </font>
    <font>
      <sz val="16"/>
      <name val="ＭＳ 明朝"/>
      <family val="1"/>
      <charset val="128"/>
    </font>
    <font>
      <sz val="24"/>
      <name val="ＭＳ 明朝"/>
      <family val="1"/>
      <charset val="128"/>
    </font>
    <font>
      <b/>
      <sz val="24"/>
      <name val="ＭＳ 明朝"/>
      <family val="1"/>
      <charset val="128"/>
    </font>
    <font>
      <sz val="20"/>
      <name val="ＭＳ 明朝"/>
      <family val="1"/>
      <charset val="128"/>
    </font>
    <font>
      <sz val="18"/>
      <name val="ＭＳ 明朝"/>
      <family val="1"/>
      <charset val="128"/>
    </font>
    <font>
      <b/>
      <sz val="24"/>
      <name val="ＭＳ 明朝"/>
      <family val="2"/>
      <charset val="128"/>
    </font>
    <font>
      <sz val="22"/>
      <name val="ＭＳ 明朝"/>
      <family val="1"/>
      <charset val="128"/>
    </font>
  </fonts>
  <fills count="4">
    <fill>
      <patternFill patternType="none"/>
    </fill>
    <fill>
      <patternFill patternType="gray125"/>
    </fill>
    <fill>
      <patternFill patternType="solid">
        <fgColor theme="5" tint="0.79998168889431442"/>
        <bgColor indexed="64"/>
      </patternFill>
    </fill>
    <fill>
      <patternFill patternType="lightDown">
        <fgColor theme="2" tint="-0.24994659260841701"/>
        <bgColor indexed="65"/>
      </patternFill>
    </fill>
  </fills>
  <borders count="15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bottom style="medium">
        <color indexed="64"/>
      </bottom>
      <diagonal/>
    </border>
    <border>
      <left style="medium">
        <color indexed="64"/>
      </left>
      <right style="medium">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double">
        <color indexed="64"/>
      </right>
      <top/>
      <bottom style="thin">
        <color indexed="64"/>
      </bottom>
      <diagonal/>
    </border>
    <border>
      <left/>
      <right style="thin">
        <color indexed="64"/>
      </right>
      <top/>
      <bottom style="thin">
        <color indexed="64"/>
      </bottom>
      <diagonal/>
    </border>
    <border>
      <left style="medium">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double">
        <color indexed="64"/>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diagonalUp="1">
      <left style="medium">
        <color indexed="64"/>
      </left>
      <right style="medium">
        <color indexed="64"/>
      </right>
      <top style="medium">
        <color indexed="64"/>
      </top>
      <bottom style="double">
        <color indexed="64"/>
      </bottom>
      <diagonal style="thin">
        <color indexed="64"/>
      </diagonal>
    </border>
    <border>
      <left style="medium">
        <color indexed="64"/>
      </left>
      <right style="medium">
        <color indexed="64"/>
      </right>
      <top/>
      <bottom/>
      <diagonal/>
    </border>
    <border>
      <left/>
      <right style="thin">
        <color indexed="64"/>
      </right>
      <top/>
      <bottom/>
      <diagonal/>
    </border>
    <border>
      <left style="thin">
        <color indexed="64"/>
      </left>
      <right/>
      <top style="medium">
        <color indexed="64"/>
      </top>
      <bottom style="double">
        <color indexed="64"/>
      </bottom>
      <diagonal/>
    </border>
    <border>
      <left style="thin">
        <color indexed="64"/>
      </left>
      <right/>
      <top/>
      <bottom/>
      <diagonal/>
    </border>
    <border>
      <left/>
      <right/>
      <top style="thin">
        <color indexed="64"/>
      </top>
      <bottom style="medium">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diagonalUp="1">
      <left style="medium">
        <color indexed="64"/>
      </left>
      <right style="medium">
        <color indexed="64"/>
      </right>
      <top style="medium">
        <color indexed="64"/>
      </top>
      <bottom style="thin">
        <color indexed="64"/>
      </bottom>
      <diagonal style="thin">
        <color indexed="64"/>
      </diagonal>
    </border>
    <border>
      <left/>
      <right style="thin">
        <color auto="1"/>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bottom style="thin">
        <color indexed="64"/>
      </bottom>
      <diagonal/>
    </border>
    <border>
      <left/>
      <right style="hair">
        <color auto="1"/>
      </right>
      <top style="hair">
        <color auto="1"/>
      </top>
      <bottom style="hair">
        <color auto="1"/>
      </bottom>
      <diagonal/>
    </border>
    <border>
      <left style="thin">
        <color indexed="64"/>
      </left>
      <right style="medium">
        <color indexed="64"/>
      </right>
      <top/>
      <bottom/>
      <diagonal/>
    </border>
    <border>
      <left style="double">
        <color indexed="64"/>
      </left>
      <right style="medium">
        <color indexed="64"/>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double">
        <color indexed="64"/>
      </top>
      <bottom/>
      <diagonal/>
    </border>
    <border>
      <left style="medium">
        <color indexed="64"/>
      </left>
      <right style="thin">
        <color auto="1"/>
      </right>
      <top style="medium">
        <color indexed="64"/>
      </top>
      <bottom style="thin">
        <color auto="1"/>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thin">
        <color indexed="64"/>
      </bottom>
      <diagonal/>
    </border>
    <border>
      <left/>
      <right/>
      <top style="medium">
        <color indexed="64"/>
      </top>
      <bottom style="medium">
        <color indexed="64"/>
      </bottom>
      <diagonal/>
    </border>
    <border>
      <left/>
      <right style="double">
        <color indexed="64"/>
      </right>
      <top/>
      <bottom style="thin">
        <color indexed="64"/>
      </bottom>
      <diagonal/>
    </border>
    <border>
      <left style="double">
        <color indexed="64"/>
      </left>
      <right style="double">
        <color indexed="64"/>
      </right>
      <top style="medium">
        <color indexed="64"/>
      </top>
      <bottom style="medium">
        <color indexed="64"/>
      </bottom>
      <diagonal/>
    </border>
    <border>
      <left style="double">
        <color indexed="64"/>
      </left>
      <right style="double">
        <color indexed="64"/>
      </right>
      <top/>
      <bottom style="thin">
        <color indexed="64"/>
      </bottom>
      <diagonal/>
    </border>
    <border>
      <left style="medium">
        <color indexed="64"/>
      </left>
      <right style="double">
        <color indexed="64"/>
      </right>
      <top style="medium">
        <color indexed="64"/>
      </top>
      <bottom style="double">
        <color indexed="64"/>
      </bottom>
      <diagonal/>
    </border>
    <border>
      <left style="double">
        <color indexed="64"/>
      </left>
      <right style="double">
        <color indexed="64"/>
      </right>
      <top style="medium">
        <color indexed="64"/>
      </top>
      <bottom style="double">
        <color indexed="64"/>
      </bottom>
      <diagonal/>
    </border>
    <border>
      <left style="medium">
        <color indexed="64"/>
      </left>
      <right style="thin">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left style="thin">
        <color indexed="64"/>
      </left>
      <right style="double">
        <color indexed="64"/>
      </right>
      <top style="medium">
        <color indexed="64"/>
      </top>
      <bottom style="medium">
        <color indexed="64"/>
      </bottom>
      <diagonal/>
    </border>
    <border>
      <left/>
      <right style="double">
        <color indexed="64"/>
      </right>
      <top style="thin">
        <color auto="1"/>
      </top>
      <bottom style="thin">
        <color auto="1"/>
      </bottom>
      <diagonal/>
    </border>
    <border diagonalUp="1">
      <left style="medium">
        <color indexed="64"/>
      </left>
      <right/>
      <top style="medium">
        <color indexed="64"/>
      </top>
      <bottom style="double">
        <color indexed="64"/>
      </bottom>
      <diagonal style="thin">
        <color indexed="64"/>
      </diagonal>
    </border>
    <border>
      <left style="double">
        <color indexed="64"/>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double">
        <color indexed="64"/>
      </bottom>
      <diagonal style="thin">
        <color indexed="64"/>
      </diagonal>
    </border>
    <border>
      <left style="double">
        <color indexed="64"/>
      </left>
      <right style="medium">
        <color indexed="64"/>
      </right>
      <top/>
      <bottom/>
      <diagonal/>
    </border>
    <border>
      <left style="double">
        <color indexed="64"/>
      </left>
      <right style="medium">
        <color indexed="64"/>
      </right>
      <top style="medium">
        <color indexed="64"/>
      </top>
      <bottom style="double">
        <color indexed="64"/>
      </bottom>
      <diagonal/>
    </border>
    <border diagonalUp="1">
      <left style="medium">
        <color indexed="64"/>
      </left>
      <right style="medium">
        <color indexed="64"/>
      </right>
      <top style="thin">
        <color indexed="64"/>
      </top>
      <bottom style="double">
        <color indexed="64"/>
      </bottom>
      <diagonal style="thin">
        <color indexed="64"/>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style="double">
        <color indexed="64"/>
      </left>
      <right style="double">
        <color indexed="64"/>
      </right>
      <top style="thin">
        <color indexed="64"/>
      </top>
      <bottom style="medium">
        <color indexed="64"/>
      </bottom>
      <diagonal/>
    </border>
    <border>
      <left style="medium">
        <color indexed="64"/>
      </left>
      <right/>
      <top style="thin">
        <color indexed="64"/>
      </top>
      <bottom style="double">
        <color indexed="64"/>
      </bottom>
      <diagonal/>
    </border>
    <border>
      <left style="medium">
        <color indexed="64"/>
      </left>
      <right/>
      <top/>
      <bottom style="double">
        <color indexed="64"/>
      </bottom>
      <diagonal/>
    </border>
    <border>
      <left style="medium">
        <color indexed="64"/>
      </left>
      <right style="medium">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medium">
        <color auto="1"/>
      </left>
      <right style="hair">
        <color auto="1"/>
      </right>
      <top style="hair">
        <color auto="1"/>
      </top>
      <bottom style="hair">
        <color auto="1"/>
      </bottom>
      <diagonal/>
    </border>
    <border>
      <left style="hair">
        <color auto="1"/>
      </left>
      <right style="medium">
        <color auto="1"/>
      </right>
      <top style="hair">
        <color auto="1"/>
      </top>
      <bottom style="hair">
        <color auto="1"/>
      </bottom>
      <diagonal/>
    </border>
    <border>
      <left style="hair">
        <color auto="1"/>
      </left>
      <right style="medium">
        <color auto="1"/>
      </right>
      <top style="hair">
        <color auto="1"/>
      </top>
      <bottom style="medium">
        <color auto="1"/>
      </bottom>
      <diagonal/>
    </border>
    <border>
      <left style="hair">
        <color auto="1"/>
      </left>
      <right style="medium">
        <color auto="1"/>
      </right>
      <top/>
      <bottom style="hair">
        <color auto="1"/>
      </bottom>
      <diagonal/>
    </border>
    <border>
      <left/>
      <right style="hair">
        <color auto="1"/>
      </right>
      <top/>
      <bottom style="hair">
        <color auto="1"/>
      </bottom>
      <diagonal/>
    </border>
    <border>
      <left/>
      <right style="hair">
        <color auto="1"/>
      </right>
      <top style="hair">
        <color auto="1"/>
      </top>
      <bottom style="medium">
        <color auto="1"/>
      </bottom>
      <diagonal/>
    </border>
    <border>
      <left style="medium">
        <color indexed="64"/>
      </left>
      <right/>
      <top style="thin">
        <color auto="1"/>
      </top>
      <bottom/>
      <diagonal/>
    </border>
    <border>
      <left/>
      <right style="double">
        <color indexed="64"/>
      </right>
      <top style="thin">
        <color auto="1"/>
      </top>
      <bottom/>
      <diagonal/>
    </border>
    <border>
      <left style="medium">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right style="double">
        <color indexed="64"/>
      </right>
      <top style="medium">
        <color indexed="64"/>
      </top>
      <bottom style="medium">
        <color indexed="64"/>
      </bottom>
      <diagonal/>
    </border>
    <border>
      <left style="hair">
        <color auto="1"/>
      </left>
      <right style="medium">
        <color auto="1"/>
      </right>
      <top/>
      <bottom style="medium">
        <color auto="1"/>
      </bottom>
      <diagonal/>
    </border>
    <border>
      <left style="thin">
        <color indexed="64"/>
      </left>
      <right style="thin">
        <color indexed="64"/>
      </right>
      <top style="thin">
        <color indexed="64"/>
      </top>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diagonal/>
    </border>
    <border diagonalUp="1">
      <left/>
      <right/>
      <top style="medium">
        <color indexed="64"/>
      </top>
      <bottom style="double">
        <color indexed="64"/>
      </bottom>
      <diagonal style="thin">
        <color indexed="64"/>
      </diagonal>
    </border>
    <border>
      <left/>
      <right/>
      <top style="hair">
        <color auto="1"/>
      </top>
      <bottom style="hair">
        <color auto="1"/>
      </bottom>
      <diagonal/>
    </border>
    <border>
      <left style="medium">
        <color auto="1"/>
      </left>
      <right/>
      <top/>
      <bottom style="hair">
        <color auto="1"/>
      </bottom>
      <diagonal/>
    </border>
    <border>
      <left style="medium">
        <color auto="1"/>
      </left>
      <right/>
      <top style="hair">
        <color auto="1"/>
      </top>
      <bottom style="hair">
        <color auto="1"/>
      </bottom>
      <diagonal/>
    </border>
    <border>
      <left style="medium">
        <color auto="1"/>
      </left>
      <right/>
      <top style="hair">
        <color auto="1"/>
      </top>
      <bottom style="medium">
        <color auto="1"/>
      </bottom>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double">
        <color indexed="64"/>
      </top>
      <bottom style="medium">
        <color indexed="64"/>
      </bottom>
      <diagonal/>
    </border>
    <border>
      <left style="thin">
        <color indexed="64"/>
      </left>
      <right style="thin">
        <color indexed="64"/>
      </right>
      <top/>
      <bottom style="double">
        <color indexed="64"/>
      </bottom>
      <diagonal/>
    </border>
    <border>
      <left style="double">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medium">
        <color indexed="64"/>
      </top>
      <bottom style="medium">
        <color indexed="64"/>
      </bottom>
      <diagonal/>
    </border>
    <border>
      <left/>
      <right style="medium">
        <color indexed="64"/>
      </right>
      <top/>
      <bottom style="double">
        <color indexed="64"/>
      </bottom>
      <diagonal/>
    </border>
    <border>
      <left/>
      <right style="thin">
        <color auto="1"/>
      </right>
      <top/>
      <bottom style="double">
        <color indexed="64"/>
      </bottom>
      <diagonal/>
    </border>
    <border>
      <left style="thin">
        <color indexed="64"/>
      </left>
      <right/>
      <top/>
      <bottom style="double">
        <color indexed="64"/>
      </bottom>
      <diagonal/>
    </border>
    <border diagonalUp="1">
      <left style="medium">
        <color indexed="64"/>
      </left>
      <right style="thin">
        <color indexed="64"/>
      </right>
      <top style="medium">
        <color indexed="64"/>
      </top>
      <bottom style="thin">
        <color indexed="64"/>
      </bottom>
      <diagonal style="thin">
        <color indexed="64"/>
      </diagonal>
    </border>
  </borders>
  <cellStyleXfs count="9">
    <xf numFmtId="0" fontId="0" fillId="0" borderId="0">
      <alignment vertical="center"/>
    </xf>
    <xf numFmtId="0" fontId="6" fillId="0" borderId="0">
      <alignment vertical="center"/>
    </xf>
    <xf numFmtId="0" fontId="7" fillId="0" borderId="0">
      <alignment vertical="center"/>
    </xf>
    <xf numFmtId="38" fontId="8" fillId="0" borderId="0" applyFont="0" applyFill="0" applyBorder="0" applyAlignment="0" applyProtection="0">
      <alignment vertical="center"/>
    </xf>
    <xf numFmtId="9" fontId="8" fillId="0" borderId="0" applyFont="0" applyFill="0" applyBorder="0" applyAlignment="0" applyProtection="0">
      <alignment vertical="center"/>
    </xf>
    <xf numFmtId="0" fontId="18" fillId="0" borderId="0"/>
    <xf numFmtId="0" fontId="18" fillId="0" borderId="0"/>
    <xf numFmtId="9" fontId="8" fillId="0" borderId="0" applyFont="0" applyFill="0" applyBorder="0" applyAlignment="0" applyProtection="0">
      <alignment vertical="center"/>
    </xf>
    <xf numFmtId="9" fontId="7" fillId="0" borderId="0" applyFont="0" applyFill="0" applyBorder="0" applyAlignment="0" applyProtection="0">
      <alignment vertical="center"/>
    </xf>
  </cellStyleXfs>
  <cellXfs count="702">
    <xf numFmtId="0" fontId="0" fillId="0" borderId="0" xfId="0">
      <alignment vertical="center"/>
    </xf>
    <xf numFmtId="0" fontId="2" fillId="0" borderId="0" xfId="0" applyFont="1">
      <alignment vertical="center"/>
    </xf>
    <xf numFmtId="0" fontId="0" fillId="0" borderId="1" xfId="0" applyBorder="1">
      <alignment vertical="center"/>
    </xf>
    <xf numFmtId="0" fontId="3" fillId="0" borderId="0" xfId="0" applyFont="1">
      <alignment vertical="center"/>
    </xf>
    <xf numFmtId="0" fontId="0" fillId="0" borderId="0" xfId="0" applyBorder="1">
      <alignment vertical="center"/>
    </xf>
    <xf numFmtId="0" fontId="0" fillId="0" borderId="2" xfId="0" applyBorder="1">
      <alignment vertical="center"/>
    </xf>
    <xf numFmtId="0" fontId="9" fillId="0" borderId="0" xfId="0" applyFont="1" applyBorder="1">
      <alignment vertical="center"/>
    </xf>
    <xf numFmtId="0" fontId="10" fillId="0" borderId="0" xfId="0" applyFont="1">
      <alignment vertical="center"/>
    </xf>
    <xf numFmtId="0" fontId="10" fillId="0" borderId="0" xfId="0" applyFont="1" applyBorder="1">
      <alignment vertical="center"/>
    </xf>
    <xf numFmtId="0" fontId="0" fillId="0" borderId="42" xfId="0" applyBorder="1">
      <alignment vertical="center"/>
    </xf>
    <xf numFmtId="0" fontId="9" fillId="0" borderId="0" xfId="0" applyFont="1">
      <alignment vertical="center"/>
    </xf>
    <xf numFmtId="0" fontId="9" fillId="0" borderId="27" xfId="0" applyFont="1" applyBorder="1" applyAlignment="1">
      <alignment horizontal="center" vertical="center"/>
    </xf>
    <xf numFmtId="177" fontId="9" fillId="0" borderId="28" xfId="4" applyNumberFormat="1" applyFont="1" applyBorder="1">
      <alignment vertical="center"/>
    </xf>
    <xf numFmtId="0" fontId="9" fillId="0" borderId="5" xfId="0" applyFont="1" applyBorder="1" applyAlignment="1">
      <alignment horizontal="center" vertical="center"/>
    </xf>
    <xf numFmtId="177" fontId="9" fillId="0" borderId="10" xfId="4" applyNumberFormat="1" applyFont="1" applyBorder="1">
      <alignment vertical="center"/>
    </xf>
    <xf numFmtId="0" fontId="9" fillId="0" borderId="4" xfId="0" applyFont="1" applyBorder="1" applyAlignment="1">
      <alignment horizontal="center" vertical="center"/>
    </xf>
    <xf numFmtId="177" fontId="9" fillId="0" borderId="13" xfId="4" applyNumberFormat="1" applyFont="1" applyBorder="1">
      <alignment vertical="center"/>
    </xf>
    <xf numFmtId="0" fontId="0" fillId="0" borderId="40" xfId="0" applyBorder="1">
      <alignment vertical="center"/>
    </xf>
    <xf numFmtId="0" fontId="0" fillId="0" borderId="39" xfId="0" applyBorder="1">
      <alignment vertical="center"/>
    </xf>
    <xf numFmtId="0" fontId="12" fillId="0" borderId="0" xfId="0" applyFont="1">
      <alignment vertical="center"/>
    </xf>
    <xf numFmtId="0" fontId="14" fillId="0" borderId="0" xfId="0" applyFont="1">
      <alignment vertical="center"/>
    </xf>
    <xf numFmtId="0" fontId="0" fillId="0" borderId="0" xfId="0" applyFill="1" applyBorder="1">
      <alignment vertical="center"/>
    </xf>
    <xf numFmtId="0" fontId="0" fillId="0" borderId="60" xfId="0" applyBorder="1">
      <alignment vertical="center"/>
    </xf>
    <xf numFmtId="0" fontId="0" fillId="0" borderId="16" xfId="0" applyBorder="1">
      <alignment vertical="center"/>
    </xf>
    <xf numFmtId="0" fontId="14"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9" fillId="0" borderId="0" xfId="0" applyFont="1" applyBorder="1" applyAlignment="1">
      <alignment horizontal="center" vertical="center"/>
    </xf>
    <xf numFmtId="0" fontId="4" fillId="0" borderId="0" xfId="5" applyNumberFormat="1" applyFont="1" applyFill="1" applyBorder="1" applyAlignment="1"/>
    <xf numFmtId="0" fontId="9" fillId="0" borderId="74" xfId="0" applyFont="1" applyBorder="1">
      <alignment vertical="center"/>
    </xf>
    <xf numFmtId="0" fontId="0" fillId="0" borderId="82"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15" xfId="0" applyBorder="1">
      <alignment vertical="center"/>
    </xf>
    <xf numFmtId="0" fontId="0" fillId="0" borderId="17" xfId="0" applyBorder="1">
      <alignment vertical="center"/>
    </xf>
    <xf numFmtId="0" fontId="0" fillId="0" borderId="10" xfId="0" applyBorder="1">
      <alignment vertical="center"/>
    </xf>
    <xf numFmtId="0" fontId="0" fillId="0" borderId="29" xfId="0" applyBorder="1">
      <alignment vertical="center"/>
    </xf>
    <xf numFmtId="0" fontId="0" fillId="0" borderId="13" xfId="0" applyBorder="1">
      <alignment vertical="center"/>
    </xf>
    <xf numFmtId="0" fontId="0" fillId="0" borderId="45" xfId="0" applyBorder="1" applyAlignment="1">
      <alignment horizontal="center" vertical="center"/>
    </xf>
    <xf numFmtId="0" fontId="0" fillId="0" borderId="46" xfId="0" applyFill="1" applyBorder="1" applyAlignment="1">
      <alignment horizontal="center" vertical="center"/>
    </xf>
    <xf numFmtId="0" fontId="0" fillId="0" borderId="44" xfId="0" applyBorder="1" applyAlignment="1">
      <alignment horizontal="center" vertical="center"/>
    </xf>
    <xf numFmtId="0" fontId="0" fillId="0" borderId="73" xfId="0" applyBorder="1" applyAlignment="1">
      <alignment horizontal="center" vertical="center"/>
    </xf>
    <xf numFmtId="0" fontId="21" fillId="0" borderId="0" xfId="0" applyFont="1">
      <alignment vertical="center"/>
    </xf>
    <xf numFmtId="0" fontId="14" fillId="0" borderId="1" xfId="0" applyFont="1" applyBorder="1" applyAlignment="1">
      <alignment horizontal="center" vertical="center" wrapText="1"/>
    </xf>
    <xf numFmtId="0" fontId="22" fillId="0" borderId="0" xfId="0" applyFont="1" applyAlignment="1">
      <alignment horizontal="right" vertical="center"/>
    </xf>
    <xf numFmtId="0" fontId="22" fillId="0" borderId="0" xfId="0" applyFont="1" applyAlignment="1">
      <alignment horizontal="left" vertical="center"/>
    </xf>
    <xf numFmtId="0" fontId="22" fillId="0" borderId="0" xfId="0" applyFont="1">
      <alignment vertical="center"/>
    </xf>
    <xf numFmtId="0" fontId="22" fillId="0" borderId="1" xfId="0" applyFont="1" applyBorder="1" applyAlignment="1">
      <alignment horizontal="center" vertical="center"/>
    </xf>
    <xf numFmtId="0" fontId="22" fillId="0" borderId="0" xfId="0" applyFont="1" applyBorder="1" applyAlignment="1">
      <alignment horizontal="center" vertical="center"/>
    </xf>
    <xf numFmtId="0" fontId="22" fillId="0" borderId="0" xfId="0" applyFont="1" applyBorder="1" applyAlignment="1">
      <alignment horizontal="center" vertical="center" wrapText="1"/>
    </xf>
    <xf numFmtId="0" fontId="22" fillId="0" borderId="1" xfId="0" applyFont="1" applyBorder="1">
      <alignment vertical="center"/>
    </xf>
    <xf numFmtId="0" fontId="22" fillId="0" borderId="0" xfId="0" applyFont="1" applyBorder="1">
      <alignment vertical="center"/>
    </xf>
    <xf numFmtId="0" fontId="22" fillId="0" borderId="1" xfId="0" applyFont="1" applyBorder="1" applyAlignment="1">
      <alignment vertical="center" wrapText="1"/>
    </xf>
    <xf numFmtId="0" fontId="23" fillId="0" borderId="0" xfId="0" applyFont="1">
      <alignment vertical="center"/>
    </xf>
    <xf numFmtId="0" fontId="15" fillId="0" borderId="0" xfId="0" applyFont="1" applyAlignment="1">
      <alignment horizontal="right" vertical="center"/>
    </xf>
    <xf numFmtId="0" fontId="11" fillId="0" borderId="0" xfId="5" applyNumberFormat="1" applyFont="1" applyFill="1" applyBorder="1" applyAlignment="1"/>
    <xf numFmtId="0" fontId="9" fillId="0" borderId="0" xfId="0" applyFont="1" applyBorder="1" applyAlignment="1"/>
    <xf numFmtId="0" fontId="0" fillId="0" borderId="0" xfId="0" applyAlignment="1"/>
    <xf numFmtId="0" fontId="22" fillId="0" borderId="1" xfId="0" applyFont="1" applyBorder="1" applyAlignment="1">
      <alignment horizontal="left" vertical="center"/>
    </xf>
    <xf numFmtId="38" fontId="22" fillId="0" borderId="1" xfId="3" applyFont="1" applyBorder="1" applyAlignment="1">
      <alignment horizontal="left" vertical="center"/>
    </xf>
    <xf numFmtId="0" fontId="4" fillId="0" borderId="80" xfId="0" applyFont="1" applyBorder="1" applyAlignment="1">
      <alignment horizontal="center" vertical="center" wrapText="1"/>
    </xf>
    <xf numFmtId="177" fontId="9" fillId="0" borderId="85" xfId="4" applyNumberFormat="1" applyFont="1" applyBorder="1">
      <alignment vertical="center"/>
    </xf>
    <xf numFmtId="0" fontId="9" fillId="0" borderId="89" xfId="0" applyFont="1" applyBorder="1" applyAlignment="1">
      <alignment horizontal="right" vertical="center"/>
    </xf>
    <xf numFmtId="0" fontId="9" fillId="0" borderId="41" xfId="0" applyFont="1" applyBorder="1" applyAlignment="1">
      <alignment horizontal="right" vertical="center"/>
    </xf>
    <xf numFmtId="0" fontId="9" fillId="0" borderId="90" xfId="0" applyFont="1" applyBorder="1" applyAlignment="1">
      <alignment horizontal="center" vertical="center"/>
    </xf>
    <xf numFmtId="0" fontId="9" fillId="0" borderId="91" xfId="0" applyFont="1" applyBorder="1" applyAlignment="1">
      <alignment horizontal="center" vertical="center"/>
    </xf>
    <xf numFmtId="38" fontId="22" fillId="0" borderId="1" xfId="3" applyFont="1" applyBorder="1">
      <alignment vertical="center"/>
    </xf>
    <xf numFmtId="0" fontId="24" fillId="0" borderId="0" xfId="0" applyFont="1">
      <alignment vertical="center"/>
    </xf>
    <xf numFmtId="177" fontId="9" fillId="3" borderId="13" xfId="4" applyNumberFormat="1" applyFont="1" applyFill="1" applyBorder="1">
      <alignment vertical="center"/>
    </xf>
    <xf numFmtId="0" fontId="9" fillId="0" borderId="107" xfId="0" applyFont="1" applyBorder="1" applyAlignment="1">
      <alignment horizontal="center" vertical="center" wrapText="1"/>
    </xf>
    <xf numFmtId="0" fontId="9" fillId="0" borderId="50" xfId="0" applyFont="1" applyBorder="1" applyAlignment="1">
      <alignment horizontal="right" vertical="center"/>
    </xf>
    <xf numFmtId="0" fontId="3" fillId="0" borderId="0" xfId="0" applyFont="1" applyAlignment="1">
      <alignment horizontal="right" vertical="center"/>
    </xf>
    <xf numFmtId="0" fontId="15" fillId="0" borderId="0" xfId="0" applyFont="1" applyAlignment="1">
      <alignmen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51" xfId="0" applyBorder="1" applyAlignment="1">
      <alignment horizontal="left" vertical="center"/>
    </xf>
    <xf numFmtId="0" fontId="15" fillId="0" borderId="1" xfId="0" applyFont="1" applyBorder="1" applyAlignment="1">
      <alignment horizontal="center" vertical="center"/>
    </xf>
    <xf numFmtId="177" fontId="9" fillId="0" borderId="13" xfId="4" applyNumberFormat="1" applyFont="1" applyFill="1" applyBorder="1">
      <alignment vertical="center"/>
    </xf>
    <xf numFmtId="0" fontId="10" fillId="0" borderId="24" xfId="0" applyFont="1" applyBorder="1" applyAlignment="1">
      <alignment horizontal="center" vertical="center"/>
    </xf>
    <xf numFmtId="0" fontId="10" fillId="0" borderId="74" xfId="0" applyFont="1" applyBorder="1" applyAlignment="1">
      <alignment horizontal="center" vertical="center"/>
    </xf>
    <xf numFmtId="0" fontId="10" fillId="0" borderId="10" xfId="0" applyFont="1" applyBorder="1">
      <alignment vertical="center"/>
    </xf>
    <xf numFmtId="0" fontId="10" fillId="0" borderId="29" xfId="0" applyFont="1" applyBorder="1">
      <alignment vertical="center"/>
    </xf>
    <xf numFmtId="0" fontId="10" fillId="0" borderId="105" xfId="0" applyFont="1" applyBorder="1">
      <alignment vertical="center"/>
    </xf>
    <xf numFmtId="0" fontId="10" fillId="0" borderId="79" xfId="0" applyFont="1" applyBorder="1" applyAlignment="1">
      <alignment horizontal="center" vertical="center"/>
    </xf>
    <xf numFmtId="0" fontId="10" fillId="0" borderId="80" xfId="0" applyFont="1" applyBorder="1">
      <alignment vertical="center"/>
    </xf>
    <xf numFmtId="0" fontId="10" fillId="0" borderId="81" xfId="0" applyFont="1" applyBorder="1" applyAlignment="1">
      <alignment horizontal="center" vertical="center"/>
    </xf>
    <xf numFmtId="0" fontId="10" fillId="0" borderId="28" xfId="0" applyFont="1" applyBorder="1">
      <alignment vertical="center"/>
    </xf>
    <xf numFmtId="0" fontId="10" fillId="0" borderId="19" xfId="0" applyFont="1" applyBorder="1" applyAlignment="1">
      <alignment horizontal="center" vertical="center"/>
    </xf>
    <xf numFmtId="0" fontId="10" fillId="0" borderId="104" xfId="0" applyFont="1" applyBorder="1">
      <alignment vertical="center"/>
    </xf>
    <xf numFmtId="0" fontId="10" fillId="0" borderId="1" xfId="0" applyFont="1" applyBorder="1" applyAlignment="1">
      <alignment horizontal="center" vertical="center"/>
    </xf>
    <xf numFmtId="0" fontId="10" fillId="0" borderId="1" xfId="0" applyFont="1" applyBorder="1">
      <alignment vertical="center"/>
    </xf>
    <xf numFmtId="177" fontId="10" fillId="0" borderId="1" xfId="4" applyNumberFormat="1" applyFont="1" applyBorder="1">
      <alignment vertical="center"/>
    </xf>
    <xf numFmtId="0" fontId="25" fillId="0" borderId="1" xfId="0" applyFont="1" applyBorder="1" applyAlignment="1">
      <alignment horizontal="center" vertical="center"/>
    </xf>
    <xf numFmtId="0" fontId="10" fillId="0" borderId="0" xfId="0" applyFont="1" applyFill="1" applyBorder="1">
      <alignment vertical="center"/>
    </xf>
    <xf numFmtId="0" fontId="11" fillId="0" borderId="0" xfId="0" applyFont="1" applyAlignment="1">
      <alignment vertical="center"/>
    </xf>
    <xf numFmtId="0" fontId="25" fillId="0" borderId="0" xfId="0" applyFont="1" applyAlignment="1">
      <alignment vertical="center"/>
    </xf>
    <xf numFmtId="0" fontId="10" fillId="0" borderId="0" xfId="0" applyFont="1" applyFill="1" applyBorder="1" applyAlignment="1">
      <alignment horizontal="left" vertical="center"/>
    </xf>
    <xf numFmtId="0" fontId="10" fillId="2" borderId="1" xfId="0" applyFont="1" applyFill="1" applyBorder="1">
      <alignment vertical="center"/>
    </xf>
    <xf numFmtId="177" fontId="10" fillId="2" borderId="1" xfId="4" applyNumberFormat="1" applyFont="1" applyFill="1" applyBorder="1">
      <alignment vertical="center"/>
    </xf>
    <xf numFmtId="0" fontId="15" fillId="0" borderId="1" xfId="0" applyFont="1" applyBorder="1">
      <alignment vertical="center"/>
    </xf>
    <xf numFmtId="0" fontId="15" fillId="2" borderId="1" xfId="0" applyFont="1" applyFill="1" applyBorder="1">
      <alignment vertical="center"/>
    </xf>
    <xf numFmtId="0" fontId="15" fillId="0" borderId="1" xfId="0" applyFont="1" applyBorder="1" applyAlignment="1">
      <alignment horizontal="center" vertical="center" wrapText="1"/>
    </xf>
    <xf numFmtId="0" fontId="10" fillId="0" borderId="1" xfId="0" applyFont="1" applyFill="1" applyBorder="1">
      <alignment vertical="center"/>
    </xf>
    <xf numFmtId="0" fontId="10" fillId="2" borderId="1" xfId="0" applyFont="1" applyFill="1" applyBorder="1" applyAlignment="1">
      <alignment horizontal="left" vertical="center"/>
    </xf>
    <xf numFmtId="0" fontId="10" fillId="0" borderId="1" xfId="0" applyFont="1" applyBorder="1" applyAlignment="1">
      <alignment horizontal="left" vertical="center"/>
    </xf>
    <xf numFmtId="0" fontId="10" fillId="0" borderId="1" xfId="0" applyFont="1" applyFill="1" applyBorder="1" applyAlignment="1">
      <alignment horizontal="left" vertical="center"/>
    </xf>
    <xf numFmtId="0" fontId="22" fillId="0" borderId="1" xfId="0" applyFont="1" applyBorder="1" applyAlignment="1">
      <alignment horizontal="center" vertical="center" wrapText="1"/>
    </xf>
    <xf numFmtId="0" fontId="13" fillId="0" borderId="1" xfId="0" applyFont="1" applyBorder="1" applyAlignment="1">
      <alignment horizontal="center" vertical="center" wrapText="1"/>
    </xf>
    <xf numFmtId="0" fontId="9" fillId="0" borderId="51" xfId="0" applyFont="1" applyBorder="1" applyAlignment="1">
      <alignment horizontal="center" vertical="center"/>
    </xf>
    <xf numFmtId="177" fontId="9" fillId="0" borderId="29" xfId="4" applyNumberFormat="1" applyFont="1" applyBorder="1">
      <alignment vertical="center"/>
    </xf>
    <xf numFmtId="0" fontId="9" fillId="0" borderId="38" xfId="0" applyFont="1" applyBorder="1" applyAlignment="1">
      <alignment horizontal="right" vertical="center"/>
    </xf>
    <xf numFmtId="0" fontId="9" fillId="0" borderId="112" xfId="0" applyFont="1" applyBorder="1" applyAlignment="1">
      <alignment horizontal="right" vertical="center"/>
    </xf>
    <xf numFmtId="0" fontId="9" fillId="0" borderId="34" xfId="0" applyFont="1" applyBorder="1" applyAlignment="1">
      <alignment horizontal="right" vertical="center"/>
    </xf>
    <xf numFmtId="177" fontId="9" fillId="0" borderId="47" xfId="4" applyNumberFormat="1" applyFont="1" applyBorder="1">
      <alignment vertical="center"/>
    </xf>
    <xf numFmtId="177" fontId="9" fillId="3" borderId="29" xfId="4" applyNumberFormat="1" applyFont="1" applyFill="1" applyBorder="1">
      <alignment vertical="center"/>
    </xf>
    <xf numFmtId="0" fontId="0" fillId="0" borderId="103" xfId="0" applyBorder="1" applyAlignment="1">
      <alignment horizontal="center" vertical="center"/>
    </xf>
    <xf numFmtId="0" fontId="0" fillId="0" borderId="6" xfId="0" applyBorder="1" applyAlignment="1">
      <alignment horizontal="center" vertical="center"/>
    </xf>
    <xf numFmtId="0" fontId="0" fillId="0" borderId="113" xfId="0" applyBorder="1" applyAlignment="1">
      <alignment horizontal="center" vertical="center"/>
    </xf>
    <xf numFmtId="179" fontId="0" fillId="0" borderId="19" xfId="0" applyNumberFormat="1" applyBorder="1">
      <alignment vertical="center"/>
    </xf>
    <xf numFmtId="179" fontId="0" fillId="0" borderId="20" xfId="0" applyNumberFormat="1" applyBorder="1">
      <alignment vertical="center"/>
    </xf>
    <xf numFmtId="179" fontId="0" fillId="0" borderId="21" xfId="0" applyNumberFormat="1" applyBorder="1">
      <alignment vertical="center"/>
    </xf>
    <xf numFmtId="176" fontId="26" fillId="0" borderId="1" xfId="0" applyNumberFormat="1" applyFont="1" applyBorder="1">
      <alignment vertical="center"/>
    </xf>
    <xf numFmtId="176" fontId="24" fillId="0" borderId="1" xfId="0" applyNumberFormat="1" applyFont="1" applyBorder="1">
      <alignment vertical="center"/>
    </xf>
    <xf numFmtId="0" fontId="28" fillId="0" borderId="0" xfId="0" applyFont="1">
      <alignment vertical="center"/>
    </xf>
    <xf numFmtId="0" fontId="27" fillId="0" borderId="120" xfId="0" applyFont="1" applyBorder="1" applyAlignment="1">
      <alignment horizontal="left" vertical="center"/>
    </xf>
    <xf numFmtId="0" fontId="27" fillId="0" borderId="121" xfId="0" applyFont="1" applyBorder="1" applyAlignment="1">
      <alignment horizontal="right" vertical="center"/>
    </xf>
    <xf numFmtId="0" fontId="27" fillId="0" borderId="121" xfId="0" applyFont="1" applyBorder="1" applyAlignment="1">
      <alignment horizontal="left" vertical="center"/>
    </xf>
    <xf numFmtId="0" fontId="27" fillId="0" borderId="70" xfId="0" applyFont="1" applyBorder="1" applyAlignment="1">
      <alignment horizontal="left" vertical="center"/>
    </xf>
    <xf numFmtId="0" fontId="27" fillId="0" borderId="121" xfId="0" applyFont="1" applyBorder="1">
      <alignment vertical="center"/>
    </xf>
    <xf numFmtId="0" fontId="27" fillId="0" borderId="120" xfId="5" applyNumberFormat="1" applyFont="1" applyFill="1" applyBorder="1" applyAlignment="1">
      <alignment horizontal="left" vertical="center" wrapText="1"/>
    </xf>
    <xf numFmtId="0" fontId="27" fillId="0" borderId="121" xfId="5" applyNumberFormat="1" applyFont="1" applyFill="1" applyBorder="1" applyAlignment="1">
      <alignment horizontal="right" vertical="center" wrapText="1"/>
    </xf>
    <xf numFmtId="0" fontId="27" fillId="0" borderId="122" xfId="0" applyFont="1" applyBorder="1" applyAlignment="1">
      <alignment horizontal="left" vertical="center"/>
    </xf>
    <xf numFmtId="0" fontId="27" fillId="0" borderId="123" xfId="0" applyFont="1" applyBorder="1" applyAlignment="1">
      <alignment horizontal="right" vertical="center"/>
    </xf>
    <xf numFmtId="0" fontId="27" fillId="0" borderId="123" xfId="0" applyFont="1" applyBorder="1" applyAlignment="1">
      <alignment horizontal="left" vertical="center"/>
    </xf>
    <xf numFmtId="0" fontId="27" fillId="0" borderId="124" xfId="0" applyFont="1" applyBorder="1" applyAlignment="1">
      <alignment horizontal="left" vertical="center"/>
    </xf>
    <xf numFmtId="0" fontId="27" fillId="0" borderId="123" xfId="0" applyFont="1" applyBorder="1">
      <alignment vertical="center"/>
    </xf>
    <xf numFmtId="0" fontId="29" fillId="0" borderId="0" xfId="0" applyFont="1" applyAlignment="1">
      <alignment horizontal="left" vertical="center"/>
    </xf>
    <xf numFmtId="0" fontId="29" fillId="0" borderId="0" xfId="0" applyFont="1" applyAlignment="1">
      <alignment horizontal="right" vertical="center"/>
    </xf>
    <xf numFmtId="0" fontId="29" fillId="0" borderId="0" xfId="0" applyFont="1" applyBorder="1" applyAlignment="1">
      <alignment horizontal="left" vertical="center"/>
    </xf>
    <xf numFmtId="0" fontId="29" fillId="0" borderId="0" xfId="5" applyNumberFormat="1" applyFont="1" applyFill="1" applyBorder="1" applyAlignment="1">
      <alignment horizontal="left" vertical="center" wrapText="1"/>
    </xf>
    <xf numFmtId="0" fontId="29" fillId="0" borderId="0" xfId="5" applyNumberFormat="1" applyFont="1" applyFill="1" applyBorder="1" applyAlignment="1">
      <alignment horizontal="right" vertical="center" wrapText="1"/>
    </xf>
    <xf numFmtId="0" fontId="29" fillId="0" borderId="0" xfId="0" applyFont="1" applyBorder="1" applyAlignment="1">
      <alignment horizontal="right" vertical="center"/>
    </xf>
    <xf numFmtId="0" fontId="29" fillId="0" borderId="0" xfId="5" applyNumberFormat="1" applyFont="1" applyFill="1" applyBorder="1" applyAlignment="1">
      <alignment horizontal="left" vertical="center"/>
    </xf>
    <xf numFmtId="0" fontId="29" fillId="0" borderId="0" xfId="5" applyNumberFormat="1" applyFont="1" applyFill="1" applyBorder="1" applyAlignment="1">
      <alignment horizontal="right" vertical="center"/>
    </xf>
    <xf numFmtId="0" fontId="4" fillId="0" borderId="0" xfId="5" applyNumberFormat="1" applyFont="1" applyFill="1" applyBorder="1" applyAlignment="1">
      <alignment wrapText="1"/>
    </xf>
    <xf numFmtId="0" fontId="0" fillId="0" borderId="0" xfId="0" applyAlignment="1">
      <alignment vertical="center"/>
    </xf>
    <xf numFmtId="0" fontId="4" fillId="0" borderId="0" xfId="5" applyNumberFormat="1" applyFont="1" applyFill="1" applyBorder="1" applyAlignment="1">
      <alignment vertical="center"/>
    </xf>
    <xf numFmtId="0" fontId="4" fillId="0" borderId="0" xfId="5" applyNumberFormat="1" applyFont="1" applyFill="1" applyBorder="1" applyAlignment="1">
      <alignment vertical="center" wrapText="1"/>
    </xf>
    <xf numFmtId="0" fontId="9" fillId="0" borderId="0" xfId="0" applyFont="1" applyBorder="1" applyAlignment="1">
      <alignment vertical="center"/>
    </xf>
    <xf numFmtId="0" fontId="20" fillId="0" borderId="0" xfId="5" applyNumberFormat="1" applyFont="1" applyFill="1" applyBorder="1" applyAlignment="1">
      <alignment vertical="center" wrapText="1"/>
    </xf>
    <xf numFmtId="0" fontId="9" fillId="0" borderId="0" xfId="0" applyFont="1" applyFill="1" applyBorder="1" applyAlignment="1">
      <alignment vertical="center"/>
    </xf>
    <xf numFmtId="0" fontId="9" fillId="0" borderId="0" xfId="5" applyNumberFormat="1" applyFont="1" applyFill="1" applyBorder="1" applyAlignment="1">
      <alignment vertical="center"/>
    </xf>
    <xf numFmtId="0" fontId="5" fillId="0" borderId="0" xfId="5" applyNumberFormat="1" applyFont="1" applyFill="1" applyBorder="1" applyAlignment="1">
      <alignment vertical="center" wrapText="1"/>
    </xf>
    <xf numFmtId="0" fontId="10" fillId="0" borderId="0" xfId="0" applyFont="1" applyBorder="1" applyAlignment="1">
      <alignment vertical="center"/>
    </xf>
    <xf numFmtId="0" fontId="30" fillId="0" borderId="1" xfId="5" applyNumberFormat="1" applyFont="1" applyFill="1" applyBorder="1" applyAlignment="1">
      <alignment vertical="center" wrapText="1"/>
    </xf>
    <xf numFmtId="0" fontId="9" fillId="0" borderId="1" xfId="5" applyNumberFormat="1" applyFont="1" applyFill="1" applyBorder="1" applyAlignment="1">
      <alignment vertical="center"/>
    </xf>
    <xf numFmtId="0" fontId="9" fillId="0" borderId="1" xfId="5" applyNumberFormat="1" applyFont="1" applyFill="1" applyBorder="1" applyAlignment="1">
      <alignment vertical="center" wrapText="1"/>
    </xf>
    <xf numFmtId="0" fontId="10" fillId="0" borderId="0" xfId="5" applyNumberFormat="1" applyFont="1" applyFill="1" applyBorder="1" applyAlignment="1"/>
    <xf numFmtId="0" fontId="33" fillId="0" borderId="0" xfId="0" applyFont="1">
      <alignment vertical="center"/>
    </xf>
    <xf numFmtId="0" fontId="34" fillId="0" borderId="0" xfId="0" applyFont="1" applyAlignment="1">
      <alignment vertical="center"/>
    </xf>
    <xf numFmtId="0" fontId="33" fillId="0" borderId="0" xfId="0" applyFont="1" applyAlignment="1">
      <alignment horizontal="center" vertical="center"/>
    </xf>
    <xf numFmtId="0" fontId="33" fillId="0" borderId="0" xfId="0" applyFont="1" applyAlignment="1">
      <alignment vertical="center"/>
    </xf>
    <xf numFmtId="0" fontId="35" fillId="0" borderId="0" xfId="0" applyFont="1">
      <alignment vertical="center"/>
    </xf>
    <xf numFmtId="0" fontId="33" fillId="0" borderId="0" xfId="0" applyFont="1" applyAlignment="1">
      <alignment horizontal="right" vertical="center"/>
    </xf>
    <xf numFmtId="0" fontId="33" fillId="0" borderId="0" xfId="0" applyFont="1" applyBorder="1" applyAlignment="1">
      <alignment vertical="center"/>
    </xf>
    <xf numFmtId="0" fontId="33" fillId="0" borderId="0" xfId="0" applyFont="1" applyBorder="1" applyAlignment="1">
      <alignment horizontal="right" vertical="center"/>
    </xf>
    <xf numFmtId="0" fontId="33" fillId="0" borderId="82" xfId="0" applyFont="1" applyBorder="1" applyAlignment="1">
      <alignment horizontal="center" vertical="center"/>
    </xf>
    <xf numFmtId="0" fontId="33" fillId="0" borderId="36" xfId="0" applyFont="1" applyBorder="1" applyAlignment="1">
      <alignment horizontal="center" vertical="center"/>
    </xf>
    <xf numFmtId="0" fontId="33" fillId="0" borderId="37" xfId="0" applyFont="1" applyBorder="1" applyAlignment="1">
      <alignment horizontal="center" vertical="center"/>
    </xf>
    <xf numFmtId="0" fontId="33" fillId="0" borderId="9" xfId="0" applyFont="1" applyBorder="1" applyAlignment="1">
      <alignment vertical="center"/>
    </xf>
    <xf numFmtId="0" fontId="33" fillId="0" borderId="1" xfId="0" applyFont="1" applyBorder="1">
      <alignment vertical="center"/>
    </xf>
    <xf numFmtId="176" fontId="33" fillId="0" borderId="10" xfId="4" applyNumberFormat="1" applyFont="1" applyBorder="1" applyAlignment="1">
      <alignment vertical="center"/>
    </xf>
    <xf numFmtId="176" fontId="33" fillId="0" borderId="10" xfId="4" applyNumberFormat="1" applyFont="1" applyBorder="1">
      <alignment vertical="center"/>
    </xf>
    <xf numFmtId="0" fontId="33" fillId="0" borderId="100" xfId="0" applyFont="1" applyBorder="1" applyAlignment="1">
      <alignment vertical="center"/>
    </xf>
    <xf numFmtId="0" fontId="33" fillId="0" borderId="40" xfId="0" applyFont="1" applyBorder="1">
      <alignment vertical="center"/>
    </xf>
    <xf numFmtId="176" fontId="33" fillId="0" borderId="29" xfId="4" applyNumberFormat="1" applyFont="1" applyBorder="1" applyAlignment="1">
      <alignment vertical="center"/>
    </xf>
    <xf numFmtId="176" fontId="33" fillId="0" borderId="29" xfId="4" applyNumberFormat="1" applyFont="1" applyBorder="1">
      <alignment vertical="center"/>
    </xf>
    <xf numFmtId="177" fontId="33" fillId="0" borderId="0" xfId="0" applyNumberFormat="1" applyFont="1" applyBorder="1">
      <alignment vertical="center"/>
    </xf>
    <xf numFmtId="0" fontId="33" fillId="0" borderId="9" xfId="0" applyFont="1" applyBorder="1">
      <alignment vertical="center"/>
    </xf>
    <xf numFmtId="176" fontId="33" fillId="0" borderId="10" xfId="0" applyNumberFormat="1" applyFont="1" applyBorder="1">
      <alignment vertical="center"/>
    </xf>
    <xf numFmtId="0" fontId="33" fillId="0" borderId="100" xfId="0" applyFont="1" applyBorder="1">
      <alignment vertical="center"/>
    </xf>
    <xf numFmtId="176" fontId="33" fillId="0" borderId="29" xfId="0" applyNumberFormat="1" applyFont="1" applyBorder="1">
      <alignment vertical="center"/>
    </xf>
    <xf numFmtId="0" fontId="33" fillId="0" borderId="23" xfId="0" applyFont="1" applyBorder="1" applyAlignment="1">
      <alignment horizontal="center" vertical="center" wrapText="1"/>
    </xf>
    <xf numFmtId="0" fontId="33" fillId="0" borderId="24" xfId="0" applyFont="1" applyBorder="1" applyAlignment="1">
      <alignment horizontal="center" vertical="center" wrapText="1"/>
    </xf>
    <xf numFmtId="0" fontId="33" fillId="0" borderId="2" xfId="0" applyFont="1" applyBorder="1">
      <alignment vertical="center"/>
    </xf>
    <xf numFmtId="176" fontId="33" fillId="0" borderId="13" xfId="0" applyNumberFormat="1" applyFont="1" applyBorder="1" applyAlignment="1">
      <alignment horizontal="right" vertical="center"/>
    </xf>
    <xf numFmtId="176" fontId="33" fillId="0" borderId="10" xfId="0" applyNumberFormat="1" applyFont="1" applyBorder="1" applyAlignment="1">
      <alignment horizontal="right" vertical="center"/>
    </xf>
    <xf numFmtId="176" fontId="33" fillId="0" borderId="29" xfId="0" applyNumberFormat="1" applyFont="1" applyBorder="1" applyAlignment="1">
      <alignment horizontal="right" vertical="center"/>
    </xf>
    <xf numFmtId="0" fontId="33" fillId="0" borderId="0" xfId="0" applyFont="1" applyBorder="1">
      <alignment vertical="center"/>
    </xf>
    <xf numFmtId="176" fontId="33" fillId="0" borderId="0" xfId="0" applyNumberFormat="1" applyFont="1" applyBorder="1">
      <alignment vertical="center"/>
    </xf>
    <xf numFmtId="0" fontId="36" fillId="0" borderId="0" xfId="0" applyFont="1">
      <alignment vertical="center"/>
    </xf>
    <xf numFmtId="0" fontId="33" fillId="0" borderId="0" xfId="0" applyFont="1" applyAlignment="1">
      <alignment horizontal="left" vertical="center"/>
    </xf>
    <xf numFmtId="0" fontId="34" fillId="0" borderId="0" xfId="0" applyFont="1" applyAlignment="1">
      <alignment horizontal="center" vertical="center"/>
    </xf>
    <xf numFmtId="0" fontId="33" fillId="0" borderId="31" xfId="0" applyFont="1" applyBorder="1" applyAlignment="1">
      <alignment horizontal="center" vertical="center"/>
    </xf>
    <xf numFmtId="0" fontId="33" fillId="0" borderId="23" xfId="0" applyFont="1" applyBorder="1" applyAlignment="1">
      <alignment horizontal="center" vertical="center"/>
    </xf>
    <xf numFmtId="0" fontId="34" fillId="0" borderId="0" xfId="0" applyFont="1" applyAlignment="1">
      <alignment horizontal="left" vertical="center"/>
    </xf>
    <xf numFmtId="0" fontId="33" fillId="0" borderId="9" xfId="0" applyFont="1" applyBorder="1" applyAlignment="1">
      <alignment horizontal="left" vertical="center"/>
    </xf>
    <xf numFmtId="0" fontId="33" fillId="0" borderId="100" xfId="0" applyFont="1" applyBorder="1" applyAlignment="1">
      <alignment horizontal="left" vertical="center"/>
    </xf>
    <xf numFmtId="0" fontId="37" fillId="0" borderId="0" xfId="0" applyFont="1">
      <alignment vertical="center"/>
    </xf>
    <xf numFmtId="0" fontId="35" fillId="0" borderId="155" xfId="0" applyFont="1" applyBorder="1">
      <alignment vertical="center"/>
    </xf>
    <xf numFmtId="0" fontId="35" fillId="0" borderId="15" xfId="0" applyFont="1" applyBorder="1" applyAlignment="1">
      <alignment horizontal="center" vertical="center" wrapText="1"/>
    </xf>
    <xf numFmtId="0" fontId="35" fillId="0" borderId="16" xfId="0" applyFont="1" applyBorder="1" applyAlignment="1">
      <alignment horizontal="center" vertical="center"/>
    </xf>
    <xf numFmtId="0" fontId="35" fillId="0" borderId="17" xfId="0" applyFont="1" applyBorder="1" applyAlignment="1">
      <alignment horizontal="center" vertical="center" wrapText="1"/>
    </xf>
    <xf numFmtId="0" fontId="33" fillId="0" borderId="0" xfId="0" applyFont="1" applyBorder="1" applyAlignment="1">
      <alignment horizontal="center" vertical="center"/>
    </xf>
    <xf numFmtId="0" fontId="35" fillId="0" borderId="12" xfId="0" applyFont="1" applyBorder="1" applyAlignment="1">
      <alignment horizontal="center" vertical="center" wrapText="1"/>
    </xf>
    <xf numFmtId="176" fontId="33" fillId="0" borderId="2" xfId="0" applyNumberFormat="1" applyFont="1" applyBorder="1">
      <alignment vertical="center"/>
    </xf>
    <xf numFmtId="176" fontId="33" fillId="0" borderId="13" xfId="0" applyNumberFormat="1" applyFont="1" applyBorder="1">
      <alignment vertical="center"/>
    </xf>
    <xf numFmtId="0" fontId="35" fillId="0" borderId="9" xfId="0" applyFont="1" applyBorder="1" applyAlignment="1">
      <alignment horizontal="center" vertical="center" wrapText="1"/>
    </xf>
    <xf numFmtId="176" fontId="33" fillId="0" borderId="1" xfId="0" applyNumberFormat="1" applyFont="1" applyBorder="1">
      <alignment vertical="center"/>
    </xf>
    <xf numFmtId="0" fontId="35" fillId="0" borderId="100" xfId="0" applyFont="1" applyBorder="1" applyAlignment="1">
      <alignment horizontal="center" vertical="center"/>
    </xf>
    <xf numFmtId="176" fontId="33" fillId="0" borderId="40" xfId="0" applyNumberFormat="1" applyFont="1" applyBorder="1">
      <alignment vertical="center"/>
    </xf>
    <xf numFmtId="0" fontId="35" fillId="0" borderId="98" xfId="0" applyFont="1" applyBorder="1" applyAlignment="1">
      <alignment horizontal="center" vertical="center"/>
    </xf>
    <xf numFmtId="0" fontId="35" fillId="0" borderId="23" xfId="0" applyFont="1" applyBorder="1" applyAlignment="1">
      <alignment horizontal="center" vertical="center"/>
    </xf>
    <xf numFmtId="0" fontId="35" fillId="0" borderId="24" xfId="0" applyFont="1" applyBorder="1" applyAlignment="1">
      <alignment horizontal="center" vertical="center"/>
    </xf>
    <xf numFmtId="0" fontId="35" fillId="0" borderId="103" xfId="0" applyFont="1" applyBorder="1" applyAlignment="1">
      <alignment horizontal="center" vertical="center" wrapText="1"/>
    </xf>
    <xf numFmtId="176" fontId="33" fillId="0" borderId="147" xfId="0" applyNumberFormat="1" applyFont="1" applyBorder="1" applyAlignment="1">
      <alignment vertical="center"/>
    </xf>
    <xf numFmtId="176" fontId="33" fillId="0" borderId="21" xfId="0" applyNumberFormat="1" applyFont="1" applyBorder="1">
      <alignment vertical="center"/>
    </xf>
    <xf numFmtId="0" fontId="33" fillId="0" borderId="0" xfId="0" applyFont="1" applyAlignment="1"/>
    <xf numFmtId="0" fontId="33" fillId="0" borderId="142" xfId="0" applyFont="1" applyBorder="1" applyAlignment="1">
      <alignment horizontal="left" vertical="center"/>
    </xf>
    <xf numFmtId="0" fontId="33" fillId="0" borderId="129" xfId="0" applyFont="1" applyBorder="1" applyAlignment="1">
      <alignment horizontal="left" vertical="center"/>
    </xf>
    <xf numFmtId="0" fontId="33" fillId="0" borderId="128" xfId="0" applyFont="1" applyBorder="1" applyAlignment="1">
      <alignment horizontal="right" vertical="center"/>
    </xf>
    <xf numFmtId="0" fontId="33" fillId="0" borderId="143" xfId="0" applyFont="1" applyBorder="1" applyAlignment="1">
      <alignment horizontal="left" vertical="center"/>
    </xf>
    <xf numFmtId="0" fontId="33" fillId="0" borderId="70" xfId="0" applyFont="1" applyBorder="1" applyAlignment="1">
      <alignment horizontal="left" vertical="center"/>
    </xf>
    <xf numFmtId="0" fontId="33" fillId="0" borderId="126" xfId="0" applyFont="1" applyBorder="1" applyAlignment="1">
      <alignment horizontal="right" vertical="center"/>
    </xf>
    <xf numFmtId="0" fontId="33" fillId="0" borderId="125" xfId="0" applyFont="1" applyBorder="1" applyAlignment="1">
      <alignment horizontal="left" vertical="center"/>
    </xf>
    <xf numFmtId="0" fontId="33" fillId="0" borderId="141" xfId="0" applyFont="1" applyBorder="1" applyAlignment="1">
      <alignment horizontal="left" vertical="center"/>
    </xf>
    <xf numFmtId="0" fontId="33" fillId="0" borderId="143" xfId="5" applyNumberFormat="1" applyFont="1" applyFill="1" applyBorder="1" applyAlignment="1">
      <alignment horizontal="left" vertical="center"/>
    </xf>
    <xf numFmtId="0" fontId="33" fillId="0" borderId="70" xfId="5" applyNumberFormat="1" applyFont="1" applyFill="1" applyBorder="1" applyAlignment="1">
      <alignment horizontal="left" vertical="center"/>
    </xf>
    <xf numFmtId="0" fontId="33" fillId="0" borderId="126" xfId="5" applyNumberFormat="1" applyFont="1" applyFill="1" applyBorder="1" applyAlignment="1">
      <alignment horizontal="right" vertical="center"/>
    </xf>
    <xf numFmtId="0" fontId="33" fillId="0" borderId="144" xfId="0" applyFont="1" applyBorder="1" applyAlignment="1">
      <alignment horizontal="left" vertical="center"/>
    </xf>
    <xf numFmtId="0" fontId="33" fillId="0" borderId="130" xfId="0" applyFont="1" applyBorder="1" applyAlignment="1">
      <alignment horizontal="left" vertical="center"/>
    </xf>
    <xf numFmtId="0" fontId="33" fillId="0" borderId="127" xfId="0" applyFont="1" applyBorder="1" applyAlignment="1">
      <alignment horizontal="right" vertical="center"/>
    </xf>
    <xf numFmtId="0" fontId="33" fillId="0" borderId="111" xfId="0" applyFont="1" applyBorder="1" applyAlignment="1">
      <alignment vertical="center"/>
    </xf>
    <xf numFmtId="0" fontId="33" fillId="0" borderId="136" xfId="0" applyFont="1" applyFill="1" applyBorder="1" applyAlignment="1">
      <alignment horizontal="right" vertical="center"/>
    </xf>
    <xf numFmtId="0" fontId="33" fillId="0" borderId="127" xfId="0" applyFont="1" applyBorder="1" applyAlignment="1">
      <alignment horizontal="center" vertical="center"/>
    </xf>
    <xf numFmtId="0" fontId="33" fillId="0" borderId="0" xfId="0" applyFont="1" applyBorder="1" applyAlignment="1">
      <alignment horizontal="left" vertical="center"/>
    </xf>
    <xf numFmtId="0" fontId="33" fillId="0" borderId="24" xfId="0" applyFont="1" applyBorder="1" applyAlignment="1">
      <alignment horizontal="center" vertical="center"/>
    </xf>
    <xf numFmtId="0" fontId="33" fillId="0" borderId="12" xfId="0" applyFont="1" applyBorder="1" applyAlignment="1">
      <alignment horizontal="center" vertical="center"/>
    </xf>
    <xf numFmtId="180" fontId="33" fillId="0" borderId="13" xfId="0" applyNumberFormat="1" applyFont="1" applyBorder="1">
      <alignment vertical="center"/>
    </xf>
    <xf numFmtId="0" fontId="33" fillId="0" borderId="9" xfId="0" applyFont="1" applyBorder="1" applyAlignment="1">
      <alignment horizontal="center" vertical="center"/>
    </xf>
    <xf numFmtId="0" fontId="33" fillId="0" borderId="15" xfId="0" applyFont="1" applyBorder="1" applyAlignment="1">
      <alignment horizontal="center" vertical="center"/>
    </xf>
    <xf numFmtId="0" fontId="33" fillId="0" borderId="16" xfId="0" applyFont="1" applyBorder="1">
      <alignment vertical="center"/>
    </xf>
    <xf numFmtId="180" fontId="33" fillId="0" borderId="17" xfId="0" applyNumberFormat="1" applyFont="1" applyBorder="1">
      <alignment vertical="center"/>
    </xf>
    <xf numFmtId="0" fontId="33" fillId="0" borderId="19" xfId="0" applyFont="1" applyBorder="1" applyAlignment="1">
      <alignment horizontal="center" vertical="center"/>
    </xf>
    <xf numFmtId="0" fontId="33" fillId="0" borderId="20" xfId="0" applyFont="1" applyBorder="1">
      <alignment vertical="center"/>
    </xf>
    <xf numFmtId="180" fontId="33" fillId="0" borderId="21" xfId="0" applyNumberFormat="1" applyFont="1" applyBorder="1">
      <alignment vertical="center"/>
    </xf>
    <xf numFmtId="0" fontId="34" fillId="0" borderId="0" xfId="0" applyFont="1">
      <alignment vertical="center"/>
    </xf>
    <xf numFmtId="38" fontId="33" fillId="0" borderId="2" xfId="3" applyFont="1" applyBorder="1">
      <alignment vertical="center"/>
    </xf>
    <xf numFmtId="176" fontId="33" fillId="0" borderId="13" xfId="0" applyNumberFormat="1" applyFont="1" applyFill="1" applyBorder="1">
      <alignment vertical="center"/>
    </xf>
    <xf numFmtId="38" fontId="33" fillId="0" borderId="20" xfId="3" applyFont="1" applyBorder="1">
      <alignment vertical="center"/>
    </xf>
    <xf numFmtId="0" fontId="33" fillId="0" borderId="10" xfId="0" applyNumberFormat="1" applyFont="1" applyFill="1" applyBorder="1">
      <alignment vertical="center"/>
    </xf>
    <xf numFmtId="0" fontId="33" fillId="0" borderId="17" xfId="0" applyNumberFormat="1" applyFont="1" applyFill="1" applyBorder="1">
      <alignment vertical="center"/>
    </xf>
    <xf numFmtId="0" fontId="33" fillId="0" borderId="21" xfId="0" applyNumberFormat="1" applyFont="1" applyFill="1" applyBorder="1">
      <alignment vertical="center"/>
    </xf>
    <xf numFmtId="0" fontId="33" fillId="0" borderId="0" xfId="0" applyNumberFormat="1" applyFont="1" applyFill="1" applyBorder="1">
      <alignment vertical="center"/>
    </xf>
    <xf numFmtId="0" fontId="33" fillId="0" borderId="12" xfId="0" applyFont="1" applyBorder="1">
      <alignment vertical="center"/>
    </xf>
    <xf numFmtId="0" fontId="33" fillId="0" borderId="2" xfId="0" applyFont="1" applyFill="1" applyBorder="1">
      <alignment vertical="center"/>
    </xf>
    <xf numFmtId="0" fontId="33" fillId="0" borderId="12" xfId="0" applyFont="1" applyFill="1" applyBorder="1">
      <alignment vertical="center"/>
    </xf>
    <xf numFmtId="0" fontId="33" fillId="0" borderId="1" xfId="0" applyFont="1" applyFill="1" applyBorder="1">
      <alignment vertical="center"/>
    </xf>
    <xf numFmtId="0" fontId="33" fillId="0" borderId="9" xfId="0" applyFont="1" applyFill="1" applyBorder="1">
      <alignment vertical="center"/>
    </xf>
    <xf numFmtId="38" fontId="33" fillId="0" borderId="74" xfId="3" applyFont="1" applyBorder="1">
      <alignment vertical="center"/>
    </xf>
    <xf numFmtId="38" fontId="33" fillId="0" borderId="48" xfId="3" applyFont="1" applyBorder="1">
      <alignment vertical="center"/>
    </xf>
    <xf numFmtId="0" fontId="33" fillId="0" borderId="48" xfId="0" applyFont="1" applyBorder="1">
      <alignment vertical="center"/>
    </xf>
    <xf numFmtId="0" fontId="33" fillId="0" borderId="65" xfId="0" applyFont="1" applyBorder="1">
      <alignment vertical="center"/>
    </xf>
    <xf numFmtId="0" fontId="35" fillId="0" borderId="46" xfId="0" applyFont="1" applyBorder="1" applyAlignment="1">
      <alignment horizontal="center" vertical="center"/>
    </xf>
    <xf numFmtId="0" fontId="33" fillId="0" borderId="108" xfId="0" applyFont="1" applyBorder="1">
      <alignment vertical="center"/>
    </xf>
    <xf numFmtId="0" fontId="35" fillId="0" borderId="31" xfId="0" applyFont="1" applyBorder="1" applyAlignment="1">
      <alignment horizontal="center" vertical="center"/>
    </xf>
    <xf numFmtId="0" fontId="35" fillId="0" borderId="55" xfId="0" applyFont="1" applyBorder="1" applyAlignment="1">
      <alignment horizontal="center" vertical="center"/>
    </xf>
    <xf numFmtId="0" fontId="35" fillId="0" borderId="107" xfId="0" applyFont="1" applyBorder="1" applyAlignment="1">
      <alignment horizontal="center" vertical="center"/>
    </xf>
    <xf numFmtId="0" fontId="35" fillId="0" borderId="53" xfId="0" applyFont="1" applyBorder="1" applyAlignment="1">
      <alignment horizontal="center" vertical="center"/>
    </xf>
    <xf numFmtId="38" fontId="33" fillId="0" borderId="56" xfId="3" applyFont="1" applyBorder="1">
      <alignment vertical="center"/>
    </xf>
    <xf numFmtId="38" fontId="33" fillId="0" borderId="106" xfId="3" applyFont="1" applyBorder="1">
      <alignment vertical="center"/>
    </xf>
    <xf numFmtId="38" fontId="33" fillId="0" borderId="71" xfId="3" applyFont="1" applyBorder="1">
      <alignment vertical="center"/>
    </xf>
    <xf numFmtId="38" fontId="33" fillId="0" borderId="133" xfId="3" applyFont="1" applyBorder="1">
      <alignment vertical="center"/>
    </xf>
    <xf numFmtId="38" fontId="33" fillId="0" borderId="134" xfId="3" applyFont="1" applyBorder="1">
      <alignment vertical="center"/>
    </xf>
    <xf numFmtId="38" fontId="33" fillId="0" borderId="106" xfId="0" applyNumberFormat="1" applyFont="1" applyBorder="1">
      <alignment vertical="center"/>
    </xf>
    <xf numFmtId="0" fontId="35" fillId="0" borderId="22" xfId="0" applyFont="1" applyBorder="1" applyAlignment="1">
      <alignment horizontal="left" vertical="center"/>
    </xf>
    <xf numFmtId="0" fontId="33" fillId="0" borderId="15" xfId="0" applyFont="1" applyBorder="1">
      <alignment vertical="center"/>
    </xf>
    <xf numFmtId="0" fontId="33" fillId="0" borderId="67" xfId="0" applyFont="1" applyBorder="1">
      <alignment vertical="center"/>
    </xf>
    <xf numFmtId="38" fontId="33" fillId="0" borderId="72" xfId="3" applyFont="1" applyBorder="1">
      <alignment vertical="center"/>
    </xf>
    <xf numFmtId="0" fontId="33" fillId="0" borderId="17" xfId="0" applyFont="1" applyBorder="1">
      <alignment vertical="center"/>
    </xf>
    <xf numFmtId="38" fontId="33" fillId="0" borderId="67" xfId="3" applyFont="1" applyBorder="1">
      <alignment vertical="center"/>
    </xf>
    <xf numFmtId="38" fontId="33" fillId="0" borderId="15" xfId="3" applyFont="1" applyBorder="1">
      <alignment vertical="center"/>
    </xf>
    <xf numFmtId="38" fontId="33" fillId="0" borderId="72" xfId="0" applyNumberFormat="1" applyFont="1" applyBorder="1">
      <alignment vertical="center"/>
    </xf>
    <xf numFmtId="0" fontId="35" fillId="0" borderId="18" xfId="0" applyFont="1" applyBorder="1" applyAlignment="1">
      <alignment horizontal="center" vertical="center"/>
    </xf>
    <xf numFmtId="38" fontId="33" fillId="0" borderId="19" xfId="0" applyNumberFormat="1" applyFont="1" applyBorder="1">
      <alignment vertical="center"/>
    </xf>
    <xf numFmtId="38" fontId="33" fillId="0" borderId="75" xfId="0" applyNumberFormat="1" applyFont="1" applyBorder="1">
      <alignment vertical="center"/>
    </xf>
    <xf numFmtId="38" fontId="33" fillId="0" borderId="99" xfId="0" applyNumberFormat="1" applyFont="1" applyBorder="1">
      <alignment vertical="center"/>
    </xf>
    <xf numFmtId="38" fontId="33" fillId="0" borderId="21" xfId="0" applyNumberFormat="1" applyFont="1" applyBorder="1">
      <alignment vertical="center"/>
    </xf>
    <xf numFmtId="0" fontId="33" fillId="0" borderId="52" xfId="0" applyFont="1" applyBorder="1" applyAlignment="1">
      <alignment horizontal="center" vertical="center"/>
    </xf>
    <xf numFmtId="0" fontId="35" fillId="0" borderId="11" xfId="0" applyFont="1" applyBorder="1" applyAlignment="1">
      <alignment horizontal="center" vertical="center"/>
    </xf>
    <xf numFmtId="0" fontId="35" fillId="0" borderId="53" xfId="0" applyFont="1" applyBorder="1" applyAlignment="1">
      <alignment horizontal="center" vertical="center" wrapText="1"/>
    </xf>
    <xf numFmtId="0" fontId="33" fillId="0" borderId="74" xfId="0" applyFont="1" applyBorder="1">
      <alignment vertical="center"/>
    </xf>
    <xf numFmtId="0" fontId="33" fillId="0" borderId="71" xfId="0" applyFont="1" applyBorder="1">
      <alignment vertical="center"/>
    </xf>
    <xf numFmtId="38" fontId="33" fillId="0" borderId="4" xfId="3" applyFont="1" applyBorder="1">
      <alignment vertical="center"/>
    </xf>
    <xf numFmtId="0" fontId="35" fillId="0" borderId="51" xfId="0" applyFont="1" applyBorder="1" applyAlignment="1">
      <alignment horizontal="left" vertical="center"/>
    </xf>
    <xf numFmtId="176" fontId="33" fillId="0" borderId="95" xfId="4" applyNumberFormat="1" applyFont="1" applyBorder="1">
      <alignment vertical="center"/>
    </xf>
    <xf numFmtId="176" fontId="33" fillId="0" borderId="40" xfId="4" applyNumberFormat="1" applyFont="1" applyBorder="1">
      <alignment vertical="center"/>
    </xf>
    <xf numFmtId="176" fontId="33" fillId="0" borderId="57" xfId="4" applyNumberFormat="1" applyFont="1" applyBorder="1">
      <alignment vertical="center"/>
    </xf>
    <xf numFmtId="176" fontId="33" fillId="0" borderId="33" xfId="4" applyNumberFormat="1" applyFont="1" applyBorder="1">
      <alignment vertical="center"/>
    </xf>
    <xf numFmtId="178" fontId="33" fillId="0" borderId="18" xfId="3" applyNumberFormat="1" applyFont="1" applyBorder="1">
      <alignment vertical="center"/>
    </xf>
    <xf numFmtId="176" fontId="33" fillId="0" borderId="0" xfId="4" applyNumberFormat="1" applyFont="1" applyBorder="1">
      <alignment vertical="center"/>
    </xf>
    <xf numFmtId="176" fontId="33" fillId="0" borderId="109" xfId="4" applyNumberFormat="1" applyFont="1" applyBorder="1">
      <alignment vertical="center"/>
    </xf>
    <xf numFmtId="178" fontId="33" fillId="0" borderId="0" xfId="3" applyNumberFormat="1" applyFont="1" applyBorder="1">
      <alignment vertical="center"/>
    </xf>
    <xf numFmtId="0" fontId="33" fillId="0" borderId="111" xfId="0" applyFont="1" applyBorder="1">
      <alignment vertical="center"/>
    </xf>
    <xf numFmtId="177" fontId="33" fillId="0" borderId="0" xfId="4" applyNumberFormat="1" applyFont="1" applyBorder="1">
      <alignment vertical="center"/>
    </xf>
    <xf numFmtId="0" fontId="35" fillId="0" borderId="25" xfId="0" applyFont="1" applyBorder="1" applyAlignment="1">
      <alignment horizontal="center" vertical="center"/>
    </xf>
    <xf numFmtId="0" fontId="35" fillId="0" borderId="64" xfId="0" applyFont="1" applyBorder="1" applyAlignment="1">
      <alignment horizontal="center" vertical="center"/>
    </xf>
    <xf numFmtId="38" fontId="33" fillId="0" borderId="42" xfId="3" applyFont="1" applyBorder="1">
      <alignment vertical="center"/>
    </xf>
    <xf numFmtId="38" fontId="33" fillId="0" borderId="32" xfId="3" applyFont="1" applyBorder="1">
      <alignment vertical="center"/>
    </xf>
    <xf numFmtId="38" fontId="33" fillId="0" borderId="66" xfId="3" applyFont="1" applyBorder="1">
      <alignment vertical="center"/>
    </xf>
    <xf numFmtId="38" fontId="33" fillId="0" borderId="16" xfId="3" applyFont="1" applyBorder="1">
      <alignment vertical="center"/>
    </xf>
    <xf numFmtId="38" fontId="33" fillId="0" borderId="22" xfId="3" applyFont="1" applyBorder="1">
      <alignment vertical="center"/>
    </xf>
    <xf numFmtId="38" fontId="33" fillId="0" borderId="26" xfId="3" applyFont="1" applyBorder="1">
      <alignment vertical="center"/>
    </xf>
    <xf numFmtId="38" fontId="33" fillId="0" borderId="75" xfId="3" applyFont="1" applyBorder="1">
      <alignment vertical="center"/>
    </xf>
    <xf numFmtId="38" fontId="33" fillId="0" borderId="18" xfId="3" applyFont="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3" fillId="0" borderId="0" xfId="0" applyFont="1" applyFill="1" applyBorder="1" applyAlignment="1">
      <alignment vertical="center"/>
    </xf>
    <xf numFmtId="0" fontId="36" fillId="0" borderId="86" xfId="0" applyFont="1" applyFill="1" applyBorder="1" applyAlignment="1">
      <alignment horizontal="right" vertical="center"/>
    </xf>
    <xf numFmtId="0" fontId="36" fillId="0" borderId="46" xfId="0" applyFont="1" applyFill="1" applyBorder="1" applyAlignment="1">
      <alignment horizontal="right" vertical="center"/>
    </xf>
    <xf numFmtId="0" fontId="35" fillId="0" borderId="93" xfId="0" applyFont="1" applyFill="1" applyBorder="1" applyAlignment="1">
      <alignment horizontal="left" vertical="center"/>
    </xf>
    <xf numFmtId="0" fontId="35" fillId="0" borderId="87" xfId="0" applyFont="1" applyFill="1" applyBorder="1">
      <alignment vertical="center"/>
    </xf>
    <xf numFmtId="0" fontId="33" fillId="0" borderId="69" xfId="0" applyFont="1" applyFill="1" applyBorder="1" applyAlignment="1">
      <alignment horizontal="right" vertical="center"/>
    </xf>
    <xf numFmtId="0" fontId="33" fillId="0" borderId="13" xfId="0" applyFont="1" applyFill="1" applyBorder="1" applyAlignment="1">
      <alignment horizontal="right" vertical="center"/>
    </xf>
    <xf numFmtId="0" fontId="35" fillId="0" borderId="94" xfId="0" applyFont="1" applyFill="1" applyBorder="1" applyAlignment="1">
      <alignment horizontal="left" vertical="center"/>
    </xf>
    <xf numFmtId="0" fontId="35" fillId="0" borderId="97" xfId="0" applyFont="1" applyFill="1" applyBorder="1">
      <alignment vertical="center"/>
    </xf>
    <xf numFmtId="0" fontId="33" fillId="0" borderId="59" xfId="0" applyFont="1" applyFill="1" applyBorder="1" applyAlignment="1">
      <alignment horizontal="right" vertical="center"/>
    </xf>
    <xf numFmtId="0" fontId="33" fillId="0" borderId="10" xfId="0" applyFont="1" applyFill="1" applyBorder="1" applyAlignment="1">
      <alignment horizontal="right" vertical="center"/>
    </xf>
    <xf numFmtId="0" fontId="35" fillId="0" borderId="131" xfId="0" applyFont="1" applyFill="1" applyBorder="1" applyAlignment="1">
      <alignment horizontal="left" vertical="center"/>
    </xf>
    <xf numFmtId="0" fontId="35" fillId="0" borderId="132" xfId="0" applyFont="1" applyFill="1" applyBorder="1">
      <alignment vertical="center"/>
    </xf>
    <xf numFmtId="0" fontId="33" fillId="0" borderId="149" xfId="0" applyFont="1" applyFill="1" applyBorder="1" applyAlignment="1">
      <alignment horizontal="right" vertical="center"/>
    </xf>
    <xf numFmtId="0" fontId="35" fillId="0" borderId="94" xfId="0" applyFont="1" applyFill="1" applyBorder="1" applyAlignment="1">
      <alignment vertical="center"/>
    </xf>
    <xf numFmtId="0" fontId="35" fillId="0" borderId="97" xfId="0" applyFont="1" applyFill="1" applyBorder="1" applyAlignment="1">
      <alignment vertical="center"/>
    </xf>
    <xf numFmtId="0" fontId="35" fillId="0" borderId="131" xfId="0" applyFont="1" applyFill="1" applyBorder="1" applyAlignment="1">
      <alignment vertical="center"/>
    </xf>
    <xf numFmtId="0" fontId="35" fillId="0" borderId="132" xfId="0" applyFont="1" applyFill="1" applyBorder="1" applyAlignment="1">
      <alignment vertical="center"/>
    </xf>
    <xf numFmtId="0" fontId="33" fillId="0" borderId="150" xfId="0" applyFont="1" applyFill="1" applyBorder="1" applyAlignment="1">
      <alignment horizontal="right" vertical="center"/>
    </xf>
    <xf numFmtId="0" fontId="33" fillId="0" borderId="0" xfId="0" applyFont="1" applyFill="1" applyBorder="1" applyAlignment="1">
      <alignment horizontal="right" vertical="center"/>
    </xf>
    <xf numFmtId="0" fontId="33" fillId="0" borderId="29" xfId="0" applyFont="1" applyFill="1" applyBorder="1" applyAlignment="1">
      <alignment horizontal="right" vertical="center"/>
    </xf>
    <xf numFmtId="0" fontId="35" fillId="0" borderId="83" xfId="0" applyFont="1" applyFill="1" applyBorder="1" applyAlignment="1">
      <alignment vertical="center"/>
    </xf>
    <xf numFmtId="0" fontId="35" fillId="0" borderId="135" xfId="0" applyFont="1" applyFill="1" applyBorder="1" applyAlignment="1">
      <alignment vertical="center"/>
    </xf>
    <xf numFmtId="0" fontId="33" fillId="0" borderId="151" xfId="0" applyFont="1" applyFill="1" applyBorder="1" applyAlignment="1">
      <alignment horizontal="right" vertical="center"/>
    </xf>
    <xf numFmtId="0" fontId="33" fillId="0" borderId="21" xfId="0" applyFont="1" applyFill="1" applyBorder="1" applyAlignment="1">
      <alignment horizontal="right" vertical="center"/>
    </xf>
    <xf numFmtId="176" fontId="33" fillId="0" borderId="100" xfId="0" applyNumberFormat="1" applyFont="1" applyFill="1" applyBorder="1">
      <alignment vertical="center"/>
    </xf>
    <xf numFmtId="176" fontId="33" fillId="0" borderId="40" xfId="0" applyNumberFormat="1" applyFont="1" applyFill="1" applyBorder="1">
      <alignment vertical="center"/>
    </xf>
    <xf numFmtId="176" fontId="33" fillId="0" borderId="51" xfId="0" applyNumberFormat="1" applyFont="1" applyFill="1" applyBorder="1">
      <alignment vertical="center"/>
    </xf>
    <xf numFmtId="176" fontId="33" fillId="0" borderId="33" xfId="0" applyNumberFormat="1" applyFont="1" applyFill="1" applyBorder="1">
      <alignment vertical="center"/>
    </xf>
    <xf numFmtId="0" fontId="36" fillId="0" borderId="0" xfId="0" applyFont="1" applyAlignment="1">
      <alignment horizontal="center" vertical="center"/>
    </xf>
    <xf numFmtId="180" fontId="33" fillId="0" borderId="0" xfId="0" applyNumberFormat="1" applyFont="1" applyAlignment="1">
      <alignment vertical="center"/>
    </xf>
    <xf numFmtId="180" fontId="33" fillId="0" borderId="0" xfId="0" applyNumberFormat="1" applyFont="1">
      <alignment vertical="center"/>
    </xf>
    <xf numFmtId="0" fontId="35" fillId="0" borderId="0" xfId="0" applyFont="1" applyAlignment="1">
      <alignment horizontal="center" vertical="center"/>
    </xf>
    <xf numFmtId="0" fontId="32" fillId="0" borderId="0" xfId="0" applyFont="1" applyAlignment="1">
      <alignment horizontal="center" vertical="center"/>
    </xf>
    <xf numFmtId="0" fontId="36" fillId="0" borderId="114" xfId="0" applyFont="1" applyBorder="1" applyAlignment="1">
      <alignment horizontal="center" vertical="center"/>
    </xf>
    <xf numFmtId="0" fontId="36" fillId="0" borderId="152" xfId="0" applyFont="1" applyBorder="1" applyAlignment="1">
      <alignment horizontal="center" vertical="center"/>
    </xf>
    <xf numFmtId="0" fontId="32" fillId="0" borderId="79" xfId="0" applyFont="1" applyBorder="1" applyAlignment="1">
      <alignment horizontal="center" vertical="center"/>
    </xf>
    <xf numFmtId="180" fontId="32" fillId="0" borderId="148" xfId="0" applyNumberFormat="1" applyFont="1" applyBorder="1" applyAlignment="1">
      <alignment horizontal="left" vertical="center"/>
    </xf>
    <xf numFmtId="0" fontId="32" fillId="0" borderId="148" xfId="0" applyFont="1" applyBorder="1" applyAlignment="1">
      <alignment horizontal="center" vertical="center"/>
    </xf>
    <xf numFmtId="180" fontId="32" fillId="0" borderId="148" xfId="0" applyNumberFormat="1" applyFont="1" applyBorder="1" applyAlignment="1">
      <alignment horizontal="center" vertical="center"/>
    </xf>
    <xf numFmtId="180" fontId="32" fillId="0" borderId="80" xfId="0" applyNumberFormat="1" applyFont="1" applyBorder="1" applyAlignment="1">
      <alignment horizontal="center" vertical="center"/>
    </xf>
    <xf numFmtId="0" fontId="36" fillId="0" borderId="13" xfId="0" applyFont="1" applyBorder="1" applyAlignment="1">
      <alignment horizontal="center" vertical="center"/>
    </xf>
    <xf numFmtId="176" fontId="33" fillId="0" borderId="2" xfId="0" applyNumberFormat="1" applyFont="1" applyBorder="1" applyAlignment="1">
      <alignment horizontal="right" vertical="center"/>
    </xf>
    <xf numFmtId="0" fontId="36" fillId="0" borderId="10" xfId="0" applyFont="1" applyBorder="1" applyAlignment="1">
      <alignment horizontal="center" vertical="center"/>
    </xf>
    <xf numFmtId="176" fontId="33" fillId="0" borderId="1" xfId="0" applyNumberFormat="1" applyFont="1" applyBorder="1" applyAlignment="1">
      <alignment vertical="center"/>
    </xf>
    <xf numFmtId="0" fontId="33" fillId="0" borderId="1" xfId="0" applyFont="1" applyBorder="1" applyAlignment="1">
      <alignment horizontal="right" vertical="center"/>
    </xf>
    <xf numFmtId="0" fontId="36" fillId="0" borderId="17" xfId="0" applyFont="1" applyBorder="1" applyAlignment="1">
      <alignment horizontal="center" vertical="center"/>
    </xf>
    <xf numFmtId="176" fontId="33" fillId="0" borderId="16" xfId="0" applyNumberFormat="1" applyFont="1" applyBorder="1" applyAlignment="1">
      <alignment vertical="center"/>
    </xf>
    <xf numFmtId="176" fontId="33" fillId="0" borderId="16" xfId="0" applyNumberFormat="1" applyFont="1" applyBorder="1">
      <alignment vertical="center"/>
    </xf>
    <xf numFmtId="176" fontId="33" fillId="0" borderId="17" xfId="0" applyNumberFormat="1" applyFont="1" applyBorder="1">
      <alignment vertical="center"/>
    </xf>
    <xf numFmtId="176" fontId="33" fillId="0" borderId="2" xfId="0" applyNumberFormat="1" applyFont="1" applyBorder="1" applyAlignment="1">
      <alignment vertical="center"/>
    </xf>
    <xf numFmtId="0" fontId="36" fillId="0" borderId="29" xfId="0" applyFont="1" applyBorder="1" applyAlignment="1">
      <alignment horizontal="center" vertical="center"/>
    </xf>
    <xf numFmtId="176" fontId="33" fillId="0" borderId="40" xfId="0" applyNumberFormat="1" applyFont="1" applyBorder="1" applyAlignment="1">
      <alignment vertical="center"/>
    </xf>
    <xf numFmtId="0" fontId="32" fillId="0" borderId="114" xfId="0" applyFont="1" applyBorder="1" applyAlignment="1">
      <alignment horizontal="center" vertical="center"/>
    </xf>
    <xf numFmtId="0" fontId="32" fillId="0" borderId="152" xfId="0" applyFont="1" applyBorder="1" applyAlignment="1">
      <alignment horizontal="left" vertical="center"/>
    </xf>
    <xf numFmtId="0" fontId="32" fillId="0" borderId="153" xfId="0" applyFont="1" applyBorder="1" applyAlignment="1">
      <alignment horizontal="center" vertical="center"/>
    </xf>
    <xf numFmtId="180" fontId="32" fillId="0" borderId="154" xfId="0" applyNumberFormat="1" applyFont="1" applyBorder="1" applyAlignment="1">
      <alignment horizontal="left" vertical="center"/>
    </xf>
    <xf numFmtId="0" fontId="32" fillId="0" borderId="31" xfId="0" applyFont="1" applyBorder="1" applyAlignment="1">
      <alignment horizontal="center" vertical="center"/>
    </xf>
    <xf numFmtId="180" fontId="32" fillId="0" borderId="24" xfId="0" applyNumberFormat="1" applyFont="1" applyBorder="1" applyAlignment="1">
      <alignment horizontal="center" vertical="center"/>
    </xf>
    <xf numFmtId="0" fontId="32" fillId="0" borderId="0" xfId="0" applyFont="1" applyAlignment="1">
      <alignment horizontal="left" vertical="center"/>
    </xf>
    <xf numFmtId="176" fontId="33" fillId="0" borderId="32" xfId="0" applyNumberFormat="1" applyFont="1" applyBorder="1">
      <alignment vertical="center"/>
    </xf>
    <xf numFmtId="176" fontId="33" fillId="0" borderId="58" xfId="0" applyNumberFormat="1" applyFont="1" applyBorder="1">
      <alignment vertical="center"/>
    </xf>
    <xf numFmtId="176" fontId="33" fillId="0" borderId="67" xfId="0" applyNumberFormat="1" applyFont="1" applyBorder="1">
      <alignment vertical="center"/>
    </xf>
    <xf numFmtId="176" fontId="33" fillId="0" borderId="33" xfId="0" applyNumberFormat="1" applyFont="1" applyBorder="1">
      <alignment vertical="center"/>
    </xf>
    <xf numFmtId="176" fontId="33" fillId="0" borderId="35" xfId="0" applyNumberFormat="1" applyFont="1" applyFill="1" applyBorder="1">
      <alignment vertical="center"/>
    </xf>
    <xf numFmtId="176" fontId="33" fillId="0" borderId="9" xfId="0" applyNumberFormat="1" applyFont="1" applyFill="1" applyBorder="1">
      <alignment vertical="center"/>
    </xf>
    <xf numFmtId="176" fontId="33" fillId="0" borderId="1" xfId="0" applyNumberFormat="1" applyFont="1" applyFill="1" applyBorder="1">
      <alignment vertical="center"/>
    </xf>
    <xf numFmtId="176" fontId="33" fillId="0" borderId="10" xfId="0" applyNumberFormat="1" applyFont="1" applyFill="1" applyBorder="1">
      <alignment vertical="center"/>
    </xf>
    <xf numFmtId="0" fontId="38" fillId="0" borderId="23" xfId="0" applyFont="1" applyFill="1" applyBorder="1" applyAlignment="1">
      <alignment horizontal="center" vertical="center"/>
    </xf>
    <xf numFmtId="0" fontId="33" fillId="0" borderId="0" xfId="0" applyFont="1" applyFill="1" applyBorder="1" applyAlignment="1">
      <alignment horizontal="center" vertical="center"/>
    </xf>
    <xf numFmtId="0" fontId="38" fillId="0" borderId="93" xfId="0" applyFont="1" applyFill="1" applyBorder="1" applyAlignment="1">
      <alignment horizontal="left" vertical="center"/>
    </xf>
    <xf numFmtId="0" fontId="38" fillId="0" borderId="69" xfId="0" applyFont="1" applyFill="1" applyBorder="1" applyAlignment="1">
      <alignment horizontal="left" vertical="center"/>
    </xf>
    <xf numFmtId="0" fontId="38" fillId="0" borderId="42" xfId="0" applyFont="1" applyFill="1" applyBorder="1" applyAlignment="1">
      <alignment horizontal="left" vertical="center"/>
    </xf>
    <xf numFmtId="0" fontId="33" fillId="0" borderId="13" xfId="0" applyFont="1" applyFill="1" applyBorder="1">
      <alignment vertical="center"/>
    </xf>
    <xf numFmtId="0" fontId="33" fillId="0" borderId="0" xfId="0" applyFont="1" applyFill="1" applyBorder="1">
      <alignment vertical="center"/>
    </xf>
    <xf numFmtId="0" fontId="38" fillId="0" borderId="94" xfId="0" applyFont="1" applyFill="1" applyBorder="1" applyAlignment="1">
      <alignment horizontal="left" vertical="center"/>
    </xf>
    <xf numFmtId="0" fontId="38" fillId="0" borderId="59" xfId="0" applyFont="1" applyFill="1" applyBorder="1" applyAlignment="1">
      <alignment horizontal="left" vertical="center"/>
    </xf>
    <xf numFmtId="0" fontId="38" fillId="0" borderId="60" xfId="0" applyFont="1" applyFill="1" applyBorder="1" applyAlignment="1">
      <alignment horizontal="left" vertical="center"/>
    </xf>
    <xf numFmtId="0" fontId="33" fillId="0" borderId="10" xfId="0" applyFont="1" applyFill="1" applyBorder="1">
      <alignment vertical="center"/>
    </xf>
    <xf numFmtId="0" fontId="38" fillId="0" borderId="95" xfId="0" applyFont="1" applyFill="1" applyBorder="1" applyAlignment="1">
      <alignment horizontal="left" vertical="center"/>
    </xf>
    <xf numFmtId="0" fontId="38" fillId="0" borderId="57" xfId="0" applyFont="1" applyFill="1" applyBorder="1" applyAlignment="1">
      <alignment horizontal="left" vertical="center"/>
    </xf>
    <xf numFmtId="0" fontId="38" fillId="0" borderId="39" xfId="0" applyFont="1" applyFill="1" applyBorder="1" applyAlignment="1">
      <alignment horizontal="left" vertical="center"/>
    </xf>
    <xf numFmtId="0" fontId="33" fillId="0" borderId="29" xfId="0" applyFont="1" applyFill="1" applyBorder="1">
      <alignment vertical="center"/>
    </xf>
    <xf numFmtId="0" fontId="34" fillId="0" borderId="0" xfId="0" applyFont="1" applyFill="1" applyAlignment="1">
      <alignment horizontal="left" vertical="center"/>
    </xf>
    <xf numFmtId="0" fontId="33" fillId="0" borderId="0" xfId="0" applyFont="1" applyFill="1" applyAlignment="1">
      <alignment vertical="center"/>
    </xf>
    <xf numFmtId="0" fontId="35" fillId="0" borderId="145" xfId="0" applyFont="1" applyFill="1" applyBorder="1" applyAlignment="1">
      <alignment horizontal="center" vertical="center" wrapText="1"/>
    </xf>
    <xf numFmtId="0" fontId="35" fillId="0" borderId="24" xfId="0" applyFont="1" applyFill="1" applyBorder="1" applyAlignment="1">
      <alignment horizontal="center" vertical="center" wrapText="1"/>
    </xf>
    <xf numFmtId="0" fontId="35" fillId="0" borderId="55" xfId="0" applyFont="1" applyFill="1" applyBorder="1" applyAlignment="1">
      <alignment horizontal="center" vertical="center"/>
    </xf>
    <xf numFmtId="0" fontId="35" fillId="0" borderId="25" xfId="0" applyFont="1" applyFill="1" applyBorder="1" applyAlignment="1">
      <alignment horizontal="center" vertical="center"/>
    </xf>
    <xf numFmtId="0" fontId="33" fillId="0" borderId="74" xfId="0" applyFont="1" applyFill="1" applyBorder="1" applyAlignment="1">
      <alignment horizontal="center" vertical="center"/>
    </xf>
    <xf numFmtId="0" fontId="33" fillId="0" borderId="32" xfId="0" applyFont="1" applyFill="1" applyBorder="1" applyAlignment="1">
      <alignment horizontal="left" vertical="center"/>
    </xf>
    <xf numFmtId="0" fontId="33" fillId="0" borderId="42" xfId="0" applyFont="1" applyFill="1" applyBorder="1" applyAlignment="1">
      <alignment horizontal="left" vertical="center"/>
    </xf>
    <xf numFmtId="0" fontId="33" fillId="0" borderId="102" xfId="0" applyFont="1" applyFill="1" applyBorder="1" applyAlignment="1">
      <alignment horizontal="center" vertical="center"/>
    </xf>
    <xf numFmtId="0" fontId="33" fillId="0" borderId="74" xfId="0" applyFont="1" applyFill="1" applyBorder="1">
      <alignment vertical="center"/>
    </xf>
    <xf numFmtId="0" fontId="33" fillId="0" borderId="102" xfId="0" applyFont="1" applyFill="1" applyBorder="1" applyAlignment="1">
      <alignment vertical="center" shrinkToFit="1"/>
    </xf>
    <xf numFmtId="0" fontId="33" fillId="0" borderId="58" xfId="0" applyFont="1" applyFill="1" applyBorder="1" applyAlignment="1">
      <alignment vertical="center"/>
    </xf>
    <xf numFmtId="0" fontId="33" fillId="0" borderId="60" xfId="0" applyFont="1" applyFill="1" applyBorder="1" applyAlignment="1">
      <alignment vertical="center"/>
    </xf>
    <xf numFmtId="0" fontId="33" fillId="0" borderId="102" xfId="0" applyFont="1" applyFill="1" applyBorder="1">
      <alignment vertical="center"/>
    </xf>
    <xf numFmtId="0" fontId="33" fillId="0" borderId="61" xfId="0" applyFont="1" applyFill="1" applyBorder="1" applyAlignment="1">
      <alignment horizontal="left" vertical="center"/>
    </xf>
    <xf numFmtId="0" fontId="33" fillId="0" borderId="139" xfId="0" applyFont="1" applyFill="1" applyBorder="1" applyAlignment="1">
      <alignment horizontal="left" vertical="center"/>
    </xf>
    <xf numFmtId="0" fontId="33" fillId="0" borderId="62" xfId="0" applyFont="1" applyFill="1" applyBorder="1">
      <alignment vertical="center"/>
    </xf>
    <xf numFmtId="0" fontId="33" fillId="0" borderId="102" xfId="0" applyFont="1" applyFill="1" applyBorder="1" applyAlignment="1">
      <alignment horizontal="left" vertical="center"/>
    </xf>
    <xf numFmtId="0" fontId="33" fillId="0" borderId="58" xfId="0" applyFont="1" applyFill="1" applyBorder="1" applyAlignment="1">
      <alignment horizontal="left" vertical="center"/>
    </xf>
    <xf numFmtId="0" fontId="33" fillId="0" borderId="60" xfId="0" applyFont="1" applyFill="1" applyBorder="1" applyAlignment="1">
      <alignment horizontal="left" vertical="center"/>
    </xf>
    <xf numFmtId="0" fontId="35" fillId="0" borderId="24" xfId="0" applyFont="1" applyFill="1" applyBorder="1" applyAlignment="1">
      <alignment horizontal="center" vertical="center"/>
    </xf>
    <xf numFmtId="0" fontId="38" fillId="0" borderId="102" xfId="0" applyFont="1" applyFill="1" applyBorder="1" applyAlignment="1">
      <alignment vertical="center"/>
    </xf>
    <xf numFmtId="0" fontId="33" fillId="0" borderId="78" xfId="0" applyFont="1" applyFill="1" applyBorder="1" applyAlignment="1">
      <alignment vertical="center"/>
    </xf>
    <xf numFmtId="0" fontId="33" fillId="0" borderId="139" xfId="0" applyFont="1" applyFill="1" applyBorder="1" applyAlignment="1">
      <alignment vertical="center"/>
    </xf>
    <xf numFmtId="0" fontId="33" fillId="0" borderId="28" xfId="0" applyFont="1" applyFill="1" applyBorder="1" applyAlignment="1">
      <alignment vertical="center"/>
    </xf>
    <xf numFmtId="0" fontId="33" fillId="0" borderId="103" xfId="0" applyFont="1" applyFill="1" applyBorder="1">
      <alignment vertical="center"/>
    </xf>
    <xf numFmtId="0" fontId="33" fillId="0" borderId="33" xfId="0" applyFont="1" applyFill="1" applyBorder="1" applyAlignment="1">
      <alignment vertical="center"/>
    </xf>
    <xf numFmtId="0" fontId="33" fillId="0" borderId="39" xfId="0" applyFont="1" applyFill="1" applyBorder="1" applyAlignment="1">
      <alignment vertical="center"/>
    </xf>
    <xf numFmtId="0" fontId="34" fillId="0" borderId="0" xfId="0" applyFont="1" applyFill="1" applyBorder="1" applyAlignment="1">
      <alignment vertical="center"/>
    </xf>
    <xf numFmtId="0" fontId="34" fillId="0" borderId="0" xfId="0" applyFont="1" applyFill="1" applyBorder="1" applyAlignment="1">
      <alignment horizontal="left" vertical="center"/>
    </xf>
    <xf numFmtId="0" fontId="33" fillId="0" borderId="0" xfId="0" applyFont="1" applyFill="1" applyBorder="1" applyAlignment="1">
      <alignment horizontal="left" vertical="center" wrapText="1"/>
    </xf>
    <xf numFmtId="0" fontId="38" fillId="0" borderId="24" xfId="0" applyFont="1" applyFill="1" applyBorder="1" applyAlignment="1">
      <alignment horizontal="center" vertical="center"/>
    </xf>
    <xf numFmtId="0" fontId="34" fillId="0" borderId="0" xfId="0" applyFont="1" applyFill="1">
      <alignment vertical="center"/>
    </xf>
    <xf numFmtId="0" fontId="35" fillId="0" borderId="15" xfId="0" applyFont="1" applyFill="1" applyBorder="1" applyAlignment="1">
      <alignment horizontal="center" vertical="center" wrapText="1"/>
    </xf>
    <xf numFmtId="57" fontId="35" fillId="0" borderId="16" xfId="0" applyNumberFormat="1" applyFont="1" applyFill="1" applyBorder="1" applyAlignment="1">
      <alignment horizontal="center" vertical="center" wrapText="1"/>
    </xf>
    <xf numFmtId="0" fontId="35" fillId="0" borderId="16" xfId="0" applyFont="1" applyFill="1" applyBorder="1" applyAlignment="1">
      <alignment horizontal="center" vertical="center" wrapText="1"/>
    </xf>
    <xf numFmtId="0" fontId="35" fillId="0" borderId="17" xfId="0" applyFont="1" applyFill="1" applyBorder="1" applyAlignment="1">
      <alignment horizontal="center" vertical="center" wrapText="1"/>
    </xf>
    <xf numFmtId="0" fontId="33" fillId="0" borderId="27" xfId="0" applyFont="1" applyFill="1" applyBorder="1" applyAlignment="1">
      <alignment horizontal="center" vertical="center"/>
    </xf>
    <xf numFmtId="38" fontId="33" fillId="0" borderId="12" xfId="3" applyFont="1" applyFill="1" applyBorder="1">
      <alignment vertical="center"/>
    </xf>
    <xf numFmtId="38" fontId="33" fillId="0" borderId="2" xfId="3" applyFont="1" applyFill="1" applyBorder="1">
      <alignment vertical="center"/>
    </xf>
    <xf numFmtId="0" fontId="33" fillId="0" borderId="5" xfId="0" applyFont="1" applyFill="1" applyBorder="1" applyAlignment="1">
      <alignment horizontal="center" vertical="center"/>
    </xf>
    <xf numFmtId="38" fontId="33" fillId="0" borderId="9" xfId="3" applyFont="1" applyFill="1" applyBorder="1">
      <alignment vertical="center"/>
    </xf>
    <xf numFmtId="38" fontId="33" fillId="0" borderId="1" xfId="3" applyFont="1" applyFill="1" applyBorder="1">
      <alignment vertical="center"/>
    </xf>
    <xf numFmtId="0" fontId="33" fillId="0" borderId="22" xfId="0" applyFont="1" applyFill="1" applyBorder="1" applyAlignment="1">
      <alignment horizontal="center" vertical="center"/>
    </xf>
    <xf numFmtId="38" fontId="33" fillId="0" borderId="100" xfId="3" applyFont="1" applyFill="1" applyBorder="1">
      <alignment vertical="center"/>
    </xf>
    <xf numFmtId="38" fontId="33" fillId="0" borderId="40" xfId="3" applyFont="1" applyFill="1" applyBorder="1">
      <alignment vertical="center"/>
    </xf>
    <xf numFmtId="176" fontId="33" fillId="0" borderId="71" xfId="0" applyNumberFormat="1" applyFont="1" applyFill="1" applyBorder="1">
      <alignment vertical="center"/>
    </xf>
    <xf numFmtId="176" fontId="33" fillId="0" borderId="29" xfId="0" applyNumberFormat="1" applyFont="1" applyFill="1" applyBorder="1">
      <alignment vertical="center"/>
    </xf>
    <xf numFmtId="0" fontId="33" fillId="0" borderId="115" xfId="0" applyFont="1" applyFill="1" applyBorder="1" applyAlignment="1">
      <alignment horizontal="center" vertical="center"/>
    </xf>
    <xf numFmtId="38" fontId="33" fillId="0" borderId="19" xfId="3" applyFont="1" applyFill="1" applyBorder="1">
      <alignment vertical="center"/>
    </xf>
    <xf numFmtId="38" fontId="33" fillId="0" borderId="20" xfId="3" applyFont="1" applyFill="1" applyBorder="1">
      <alignment vertical="center"/>
    </xf>
    <xf numFmtId="176" fontId="33" fillId="0" borderId="46" xfId="0" applyNumberFormat="1" applyFont="1" applyFill="1" applyBorder="1">
      <alignment vertical="center"/>
    </xf>
    <xf numFmtId="176" fontId="33" fillId="0" borderId="21" xfId="0" applyNumberFormat="1" applyFont="1" applyFill="1" applyBorder="1">
      <alignment vertical="center"/>
    </xf>
    <xf numFmtId="0" fontId="36" fillId="0" borderId="15" xfId="0" applyFont="1" applyFill="1" applyBorder="1" applyAlignment="1">
      <alignment horizontal="center" vertical="center" wrapText="1"/>
    </xf>
    <xf numFmtId="0" fontId="36" fillId="0" borderId="16" xfId="0" applyFont="1" applyFill="1" applyBorder="1" applyAlignment="1">
      <alignment horizontal="center" vertical="center" wrapText="1"/>
    </xf>
    <xf numFmtId="0" fontId="36" fillId="0" borderId="17" xfId="0" applyFont="1" applyFill="1" applyBorder="1" applyAlignment="1">
      <alignment horizontal="center" vertical="center" wrapText="1"/>
    </xf>
    <xf numFmtId="0" fontId="33" fillId="0" borderId="93" xfId="0" applyFont="1" applyFill="1" applyBorder="1" applyAlignment="1">
      <alignment horizontal="center" vertical="center"/>
    </xf>
    <xf numFmtId="0" fontId="33" fillId="0" borderId="12" xfId="0" applyNumberFormat="1" applyFont="1" applyFill="1" applyBorder="1">
      <alignment vertical="center"/>
    </xf>
    <xf numFmtId="0" fontId="33" fillId="0" borderId="2" xfId="0" applyNumberFormat="1" applyFont="1" applyFill="1" applyBorder="1">
      <alignment vertical="center"/>
    </xf>
    <xf numFmtId="0" fontId="33" fillId="0" borderId="13" xfId="0" applyNumberFormat="1" applyFont="1" applyFill="1" applyBorder="1">
      <alignment vertical="center"/>
    </xf>
    <xf numFmtId="0" fontId="33" fillId="0" borderId="94" xfId="0" applyFont="1" applyFill="1" applyBorder="1" applyAlignment="1">
      <alignment horizontal="center" vertical="center"/>
    </xf>
    <xf numFmtId="0" fontId="33" fillId="0" borderId="9" xfId="0" applyNumberFormat="1" applyFont="1" applyFill="1" applyBorder="1" applyAlignment="1">
      <alignment horizontal="right" vertical="center"/>
    </xf>
    <xf numFmtId="0" fontId="33" fillId="0" borderId="1" xfId="0" applyNumberFormat="1" applyFont="1" applyFill="1" applyBorder="1" applyAlignment="1">
      <alignment horizontal="right" vertical="center"/>
    </xf>
    <xf numFmtId="0" fontId="33" fillId="0" borderId="10" xfId="0" applyNumberFormat="1" applyFont="1" applyFill="1" applyBorder="1" applyAlignment="1">
      <alignment horizontal="right" vertical="center"/>
    </xf>
    <xf numFmtId="176" fontId="33" fillId="0" borderId="10" xfId="0" applyNumberFormat="1" applyFont="1" applyFill="1" applyBorder="1" applyAlignment="1">
      <alignment horizontal="right" vertical="center"/>
    </xf>
    <xf numFmtId="0" fontId="33" fillId="0" borderId="9" xfId="0" applyNumberFormat="1" applyFont="1" applyFill="1" applyBorder="1">
      <alignment vertical="center"/>
    </xf>
    <xf numFmtId="0" fontId="33" fillId="0" borderId="1" xfId="0" applyNumberFormat="1" applyFont="1" applyFill="1" applyBorder="1">
      <alignment vertical="center"/>
    </xf>
    <xf numFmtId="0" fontId="33" fillId="0" borderId="113" xfId="0" applyFont="1" applyFill="1" applyBorder="1" applyAlignment="1">
      <alignment horizontal="center" vertical="center"/>
    </xf>
    <xf numFmtId="0" fontId="33" fillId="0" borderId="15" xfId="0" applyNumberFormat="1" applyFont="1" applyFill="1" applyBorder="1">
      <alignment vertical="center"/>
    </xf>
    <xf numFmtId="0" fontId="33" fillId="0" borderId="16" xfId="0" applyNumberFormat="1" applyFont="1" applyFill="1" applyBorder="1">
      <alignment vertical="center"/>
    </xf>
    <xf numFmtId="0" fontId="33" fillId="0" borderId="103" xfId="0" applyFont="1" applyFill="1" applyBorder="1" applyAlignment="1">
      <alignment horizontal="center" vertical="center"/>
    </xf>
    <xf numFmtId="0" fontId="33" fillId="0" borderId="19" xfId="4" applyNumberFormat="1" applyFont="1" applyFill="1" applyBorder="1">
      <alignment vertical="center"/>
    </xf>
    <xf numFmtId="0" fontId="33" fillId="0" borderId="20" xfId="0" applyNumberFormat="1" applyFont="1" applyFill="1" applyBorder="1">
      <alignment vertical="center"/>
    </xf>
    <xf numFmtId="0" fontId="33" fillId="0" borderId="19" xfId="0" applyNumberFormat="1" applyFont="1" applyFill="1" applyBorder="1">
      <alignment vertical="center"/>
    </xf>
    <xf numFmtId="0" fontId="33" fillId="0" borderId="0" xfId="4" applyNumberFormat="1" applyFont="1" applyFill="1" applyBorder="1">
      <alignment vertical="center"/>
    </xf>
    <xf numFmtId="0" fontId="35" fillId="0" borderId="0" xfId="0" applyFont="1" applyFill="1">
      <alignment vertical="center"/>
    </xf>
    <xf numFmtId="0" fontId="33" fillId="0" borderId="4" xfId="0" applyFont="1" applyFill="1" applyBorder="1" applyAlignment="1">
      <alignment horizontal="center" vertical="center"/>
    </xf>
    <xf numFmtId="0" fontId="35" fillId="0" borderId="5" xfId="0" applyFont="1" applyFill="1" applyBorder="1" applyAlignment="1">
      <alignment horizontal="center" vertical="center"/>
    </xf>
    <xf numFmtId="38" fontId="33" fillId="0" borderId="74" xfId="3" applyFont="1" applyFill="1" applyBorder="1">
      <alignment vertical="center"/>
    </xf>
    <xf numFmtId="38" fontId="33" fillId="0" borderId="48" xfId="3" applyFont="1" applyFill="1" applyBorder="1">
      <alignment vertical="center"/>
    </xf>
    <xf numFmtId="0" fontId="33" fillId="0" borderId="48" xfId="0" applyFont="1" applyFill="1" applyBorder="1">
      <alignment vertical="center"/>
    </xf>
    <xf numFmtId="0" fontId="33" fillId="0" borderId="100" xfId="0" applyFont="1" applyFill="1" applyBorder="1">
      <alignment vertical="center"/>
    </xf>
    <xf numFmtId="0" fontId="33" fillId="0" borderId="40" xfId="0" applyFont="1" applyFill="1" applyBorder="1">
      <alignment vertical="center"/>
    </xf>
    <xf numFmtId="0" fontId="33" fillId="0" borderId="63" xfId="0" applyFont="1" applyFill="1" applyBorder="1">
      <alignment vertical="center"/>
    </xf>
    <xf numFmtId="0" fontId="33" fillId="0" borderId="137" xfId="0" applyFont="1" applyFill="1" applyBorder="1">
      <alignment vertical="center"/>
    </xf>
    <xf numFmtId="0" fontId="33" fillId="0" borderId="18" xfId="0" applyFont="1" applyFill="1" applyBorder="1" applyAlignment="1">
      <alignment horizontal="center" vertical="center"/>
    </xf>
    <xf numFmtId="38" fontId="33" fillId="0" borderId="92" xfId="3" applyFont="1" applyFill="1" applyBorder="1">
      <alignment vertical="center"/>
    </xf>
    <xf numFmtId="38" fontId="33" fillId="0" borderId="45" xfId="3" applyFont="1" applyFill="1" applyBorder="1">
      <alignment vertical="center"/>
    </xf>
    <xf numFmtId="0" fontId="33" fillId="0" borderId="45" xfId="0" applyFont="1" applyFill="1" applyBorder="1">
      <alignment vertical="center"/>
    </xf>
    <xf numFmtId="0" fontId="33" fillId="0" borderId="0" xfId="0" applyFont="1" applyFill="1" applyAlignment="1">
      <alignment horizontal="center" vertical="center"/>
    </xf>
    <xf numFmtId="0" fontId="34" fillId="0" borderId="0" xfId="0" applyFont="1" applyFill="1" applyAlignment="1">
      <alignment horizontal="center" vertical="center"/>
    </xf>
    <xf numFmtId="0" fontId="33" fillId="0" borderId="0" xfId="0" applyFont="1" applyFill="1" applyAlignment="1">
      <alignment horizontal="left" vertical="center"/>
    </xf>
    <xf numFmtId="0" fontId="36" fillId="0" borderId="31" xfId="0" applyFont="1" applyFill="1" applyBorder="1" applyAlignment="1">
      <alignment horizontal="center" vertical="center" wrapText="1"/>
    </xf>
    <xf numFmtId="0" fontId="36" fillId="0" borderId="23" xfId="0" applyFont="1" applyFill="1" applyBorder="1" applyAlignment="1">
      <alignment horizontal="center" vertical="center" wrapText="1"/>
    </xf>
    <xf numFmtId="0" fontId="36" fillId="0" borderId="25" xfId="0" applyFont="1" applyFill="1" applyBorder="1" applyAlignment="1">
      <alignment horizontal="center" vertical="center" wrapText="1"/>
    </xf>
    <xf numFmtId="0" fontId="36" fillId="0" borderId="55" xfId="0" applyFont="1" applyFill="1" applyBorder="1" applyAlignment="1">
      <alignment horizontal="center" vertical="center" wrapText="1"/>
    </xf>
    <xf numFmtId="0" fontId="36" fillId="0" borderId="11" xfId="0" applyFont="1" applyFill="1" applyBorder="1" applyAlignment="1">
      <alignment horizontal="center" vertical="center"/>
    </xf>
    <xf numFmtId="0" fontId="35" fillId="0" borderId="102" xfId="0" applyFont="1" applyFill="1" applyBorder="1" applyAlignment="1">
      <alignment horizontal="center" vertical="center"/>
    </xf>
    <xf numFmtId="0" fontId="33" fillId="0" borderId="54" xfId="0" applyFont="1" applyFill="1" applyBorder="1">
      <alignment vertical="center"/>
    </xf>
    <xf numFmtId="0" fontId="33" fillId="0" borderId="56" xfId="0" applyFont="1" applyFill="1" applyBorder="1">
      <alignment vertical="center"/>
    </xf>
    <xf numFmtId="0" fontId="33" fillId="0" borderId="53" xfId="0" applyFont="1" applyFill="1" applyBorder="1">
      <alignment vertical="center"/>
    </xf>
    <xf numFmtId="0" fontId="35" fillId="0" borderId="95" xfId="0" applyFont="1" applyFill="1" applyBorder="1" applyAlignment="1">
      <alignment horizontal="center" vertical="center"/>
    </xf>
    <xf numFmtId="0" fontId="33" fillId="0" borderId="85" xfId="0" applyFont="1" applyFill="1" applyBorder="1">
      <alignment vertical="center"/>
    </xf>
    <xf numFmtId="0" fontId="35" fillId="0" borderId="52" xfId="0" applyFont="1" applyFill="1" applyBorder="1" applyAlignment="1">
      <alignment horizontal="center" vertical="center"/>
    </xf>
    <xf numFmtId="0" fontId="35" fillId="0" borderId="23" xfId="0" applyFont="1" applyFill="1" applyBorder="1" applyAlignment="1">
      <alignment horizontal="center" vertical="center"/>
    </xf>
    <xf numFmtId="0" fontId="35" fillId="0" borderId="107" xfId="0" applyFont="1" applyFill="1" applyBorder="1" applyAlignment="1">
      <alignment horizontal="center" vertical="center"/>
    </xf>
    <xf numFmtId="0" fontId="35" fillId="0" borderId="4" xfId="0" applyFont="1" applyFill="1" applyBorder="1" applyAlignment="1">
      <alignment horizontal="center" vertical="center"/>
    </xf>
    <xf numFmtId="0" fontId="33" fillId="0" borderId="42" xfId="0" applyFont="1" applyFill="1" applyBorder="1" applyAlignment="1">
      <alignment horizontal="right" vertical="center"/>
    </xf>
    <xf numFmtId="0" fontId="33" fillId="0" borderId="2" xfId="0" applyFont="1" applyFill="1" applyBorder="1" applyAlignment="1">
      <alignment horizontal="right" vertical="center"/>
    </xf>
    <xf numFmtId="38" fontId="33" fillId="0" borderId="2" xfId="3" applyFont="1" applyFill="1" applyBorder="1" applyAlignment="1">
      <alignment horizontal="right" vertical="center"/>
    </xf>
    <xf numFmtId="0" fontId="33" fillId="0" borderId="32" xfId="0" applyFont="1" applyFill="1" applyBorder="1" applyAlignment="1">
      <alignment horizontal="right" vertical="center"/>
    </xf>
    <xf numFmtId="38" fontId="33" fillId="0" borderId="50" xfId="3" applyFont="1" applyFill="1" applyBorder="1" applyAlignment="1">
      <alignment horizontal="right" vertical="center"/>
    </xf>
    <xf numFmtId="0" fontId="35" fillId="0" borderId="22" xfId="0" applyFont="1" applyFill="1" applyBorder="1" applyAlignment="1">
      <alignment horizontal="center" vertical="center"/>
    </xf>
    <xf numFmtId="0" fontId="33" fillId="0" borderId="66" xfId="0" applyFont="1" applyFill="1" applyBorder="1" applyAlignment="1">
      <alignment horizontal="right" vertical="center"/>
    </xf>
    <xf numFmtId="0" fontId="33" fillId="0" borderId="16" xfId="0" applyFont="1" applyFill="1" applyBorder="1" applyAlignment="1">
      <alignment horizontal="right" vertical="center"/>
    </xf>
    <xf numFmtId="38" fontId="33" fillId="0" borderId="16" xfId="3" applyFont="1" applyFill="1" applyBorder="1" applyAlignment="1">
      <alignment horizontal="right" vertical="center"/>
    </xf>
    <xf numFmtId="0" fontId="33" fillId="0" borderId="67" xfId="0" applyFont="1" applyFill="1" applyBorder="1" applyAlignment="1">
      <alignment horizontal="right" vertical="center"/>
    </xf>
    <xf numFmtId="38" fontId="33" fillId="0" borderId="72" xfId="3" applyFont="1" applyFill="1" applyBorder="1" applyAlignment="1">
      <alignment horizontal="right" vertical="center"/>
    </xf>
    <xf numFmtId="0" fontId="35" fillId="0" borderId="18" xfId="0" applyFont="1" applyFill="1" applyBorder="1" applyAlignment="1">
      <alignment horizontal="center" vertical="center"/>
    </xf>
    <xf numFmtId="0" fontId="33" fillId="0" borderId="26" xfId="0" applyFont="1" applyFill="1" applyBorder="1" applyAlignment="1">
      <alignment horizontal="right" vertical="center"/>
    </xf>
    <xf numFmtId="38" fontId="33" fillId="0" borderId="26" xfId="3" applyFont="1" applyFill="1" applyBorder="1" applyAlignment="1">
      <alignment horizontal="right" vertical="center"/>
    </xf>
    <xf numFmtId="38" fontId="33" fillId="0" borderId="99" xfId="3" applyFont="1" applyFill="1" applyBorder="1" applyAlignment="1">
      <alignment horizontal="right" vertical="center"/>
    </xf>
    <xf numFmtId="0" fontId="35" fillId="0" borderId="52" xfId="0" applyFont="1" applyFill="1" applyBorder="1" applyAlignment="1">
      <alignment vertical="center"/>
    </xf>
    <xf numFmtId="0" fontId="35" fillId="0" borderId="23" xfId="0" applyFont="1" applyFill="1" applyBorder="1" applyAlignment="1">
      <alignment horizontal="center" vertical="center" wrapText="1"/>
    </xf>
    <xf numFmtId="0" fontId="33" fillId="0" borderId="42" xfId="0" applyFont="1" applyFill="1" applyBorder="1">
      <alignment vertical="center"/>
    </xf>
    <xf numFmtId="0" fontId="33" fillId="0" borderId="71" xfId="0" applyFont="1" applyFill="1" applyBorder="1">
      <alignment vertical="center"/>
    </xf>
    <xf numFmtId="0" fontId="33" fillId="0" borderId="66" xfId="0" applyFont="1" applyFill="1" applyBorder="1">
      <alignment vertical="center"/>
    </xf>
    <xf numFmtId="0" fontId="33" fillId="0" borderId="16" xfId="0" applyFont="1" applyFill="1" applyBorder="1">
      <alignment vertical="center"/>
    </xf>
    <xf numFmtId="0" fontId="33" fillId="0" borderId="17" xfId="0" applyFont="1" applyFill="1" applyBorder="1">
      <alignment vertical="center"/>
    </xf>
    <xf numFmtId="0" fontId="35" fillId="0" borderId="115" xfId="0" applyFont="1" applyFill="1" applyBorder="1" applyAlignment="1">
      <alignment horizontal="center" vertical="center"/>
    </xf>
    <xf numFmtId="0" fontId="33" fillId="0" borderId="116" xfId="0" applyFont="1" applyFill="1" applyBorder="1">
      <alignment vertical="center"/>
    </xf>
    <xf numFmtId="0" fontId="33" fillId="0" borderId="138" xfId="0" applyFont="1" applyFill="1" applyBorder="1">
      <alignment vertical="center"/>
    </xf>
    <xf numFmtId="0" fontId="35" fillId="0" borderId="76" xfId="0" applyFont="1" applyFill="1" applyBorder="1" applyAlignment="1">
      <alignment horizontal="center" vertical="center"/>
    </xf>
    <xf numFmtId="176" fontId="33" fillId="0" borderId="7" xfId="0" applyNumberFormat="1" applyFont="1" applyFill="1" applyBorder="1">
      <alignment vertical="center"/>
    </xf>
    <xf numFmtId="0" fontId="35" fillId="0" borderId="18" xfId="0" applyFont="1" applyFill="1" applyBorder="1" applyAlignment="1">
      <alignment horizontal="center" vertical="center" wrapText="1"/>
    </xf>
    <xf numFmtId="0" fontId="33" fillId="0" borderId="39" xfId="0" applyNumberFormat="1" applyFont="1" applyFill="1" applyBorder="1">
      <alignment vertical="center"/>
    </xf>
    <xf numFmtId="0" fontId="33" fillId="0" borderId="40" xfId="0" applyNumberFormat="1" applyFont="1" applyFill="1" applyBorder="1">
      <alignment vertical="center"/>
    </xf>
    <xf numFmtId="0" fontId="33" fillId="0" borderId="29" xfId="0" applyNumberFormat="1" applyFont="1" applyFill="1" applyBorder="1">
      <alignment vertical="center"/>
    </xf>
    <xf numFmtId="0" fontId="31" fillId="0" borderId="52" xfId="0" applyFont="1" applyFill="1" applyBorder="1" applyAlignment="1">
      <alignment horizontal="center" vertical="center"/>
    </xf>
    <xf numFmtId="0" fontId="31" fillId="0" borderId="23" xfId="0" applyFont="1" applyFill="1" applyBorder="1" applyAlignment="1">
      <alignment horizontal="center" vertical="center" wrapText="1"/>
    </xf>
    <xf numFmtId="0" fontId="31" fillId="0" borderId="25" xfId="0" applyFont="1" applyFill="1" applyBorder="1" applyAlignment="1">
      <alignment horizontal="center" vertical="center" wrapText="1"/>
    </xf>
    <xf numFmtId="0" fontId="31" fillId="0" borderId="23" xfId="0" applyFont="1" applyFill="1" applyBorder="1" applyAlignment="1">
      <alignment horizontal="center" vertical="center"/>
    </xf>
    <xf numFmtId="0" fontId="31" fillId="0" borderId="24" xfId="0" applyFont="1" applyFill="1" applyBorder="1" applyAlignment="1">
      <alignment horizontal="center" vertical="center" wrapText="1"/>
    </xf>
    <xf numFmtId="0" fontId="31" fillId="0" borderId="0" xfId="0" applyFont="1" applyFill="1">
      <alignment vertical="center"/>
    </xf>
    <xf numFmtId="0" fontId="35" fillId="0" borderId="103" xfId="0" applyFont="1" applyFill="1" applyBorder="1" applyAlignment="1">
      <alignment horizontal="center" vertical="center" wrapText="1"/>
    </xf>
    <xf numFmtId="0" fontId="33" fillId="0" borderId="0" xfId="0" applyFont="1" applyFill="1" applyAlignment="1">
      <alignment horizontal="right" vertical="center"/>
    </xf>
    <xf numFmtId="0" fontId="38" fillId="0" borderId="105" xfId="0" applyFont="1" applyFill="1" applyBorder="1">
      <alignment vertical="center"/>
    </xf>
    <xf numFmtId="0" fontId="38" fillId="0" borderId="19" xfId="0" applyFont="1" applyFill="1" applyBorder="1" applyAlignment="1">
      <alignment horizontal="center" vertical="center"/>
    </xf>
    <xf numFmtId="0" fontId="33" fillId="0" borderId="20" xfId="0" applyFont="1" applyFill="1" applyBorder="1">
      <alignment vertical="center"/>
    </xf>
    <xf numFmtId="0" fontId="33" fillId="0" borderId="21" xfId="0" applyFont="1" applyFill="1" applyBorder="1">
      <alignment vertical="center"/>
    </xf>
    <xf numFmtId="177" fontId="33" fillId="0" borderId="0" xfId="0" applyNumberFormat="1" applyFont="1" applyFill="1" applyBorder="1">
      <alignment vertical="center"/>
    </xf>
    <xf numFmtId="0" fontId="38" fillId="0" borderId="105" xfId="0" applyFont="1" applyFill="1" applyBorder="1" applyAlignment="1">
      <alignment horizontal="center" vertical="center" wrapText="1"/>
    </xf>
    <xf numFmtId="0" fontId="38" fillId="0" borderId="12" xfId="0" applyFont="1" applyFill="1" applyBorder="1" applyAlignment="1">
      <alignment horizontal="center" vertical="center"/>
    </xf>
    <xf numFmtId="0" fontId="38" fillId="0" borderId="100" xfId="0" applyFont="1" applyFill="1" applyBorder="1" applyAlignment="1">
      <alignment horizontal="center" vertical="center" wrapText="1"/>
    </xf>
    <xf numFmtId="0" fontId="33" fillId="0" borderId="0" xfId="0" applyFont="1" applyFill="1" applyBorder="1" applyAlignment="1">
      <alignment horizontal="center" vertical="center" wrapText="1"/>
    </xf>
    <xf numFmtId="176" fontId="33" fillId="0" borderId="0" xfId="0" applyNumberFormat="1" applyFont="1" applyFill="1" applyBorder="1">
      <alignment vertical="center"/>
    </xf>
    <xf numFmtId="0" fontId="33" fillId="0" borderId="105" xfId="0" applyFont="1" applyFill="1" applyBorder="1" applyAlignment="1">
      <alignment horizontal="center" vertical="center" wrapText="1"/>
    </xf>
    <xf numFmtId="0" fontId="33" fillId="0" borderId="23" xfId="0" applyFont="1" applyFill="1" applyBorder="1" applyAlignment="1">
      <alignment horizontal="center" vertical="center"/>
    </xf>
    <xf numFmtId="0" fontId="33" fillId="0" borderId="24" xfId="0" applyFont="1" applyFill="1" applyBorder="1" applyAlignment="1">
      <alignment horizontal="center" vertical="center"/>
    </xf>
    <xf numFmtId="0" fontId="33" fillId="0" borderId="12" xfId="0" applyFont="1" applyFill="1" applyBorder="1" applyAlignment="1">
      <alignment horizontal="center" vertical="center"/>
    </xf>
    <xf numFmtId="0" fontId="33" fillId="0" borderId="100" xfId="0" applyFont="1" applyFill="1" applyBorder="1" applyAlignment="1">
      <alignment horizontal="center" vertical="center"/>
    </xf>
    <xf numFmtId="0" fontId="33" fillId="0" borderId="109" xfId="0" applyFont="1" applyFill="1" applyBorder="1">
      <alignment vertical="center"/>
    </xf>
    <xf numFmtId="0" fontId="38" fillId="0" borderId="95" xfId="0" applyFont="1" applyFill="1" applyBorder="1">
      <alignment vertical="center"/>
    </xf>
    <xf numFmtId="0" fontId="33" fillId="0" borderId="111" xfId="0" applyFont="1" applyFill="1" applyBorder="1">
      <alignment vertical="center"/>
    </xf>
    <xf numFmtId="0" fontId="33" fillId="0" borderId="39" xfId="0" applyFont="1" applyFill="1" applyBorder="1">
      <alignment vertical="center"/>
    </xf>
    <xf numFmtId="0" fontId="33" fillId="0" borderId="105" xfId="0" applyFont="1" applyFill="1" applyBorder="1">
      <alignment vertical="center"/>
    </xf>
    <xf numFmtId="0" fontId="33" fillId="0" borderId="19" xfId="0" applyFont="1" applyFill="1" applyBorder="1" applyAlignment="1">
      <alignment horizontal="center" vertical="center"/>
    </xf>
    <xf numFmtId="0" fontId="33" fillId="0" borderId="24" xfId="0" applyFont="1" applyFill="1" applyBorder="1" applyAlignment="1">
      <alignment horizontal="center" vertical="center" shrinkToFit="1"/>
    </xf>
    <xf numFmtId="0" fontId="33" fillId="0" borderId="0" xfId="0" applyFont="1" applyFill="1" applyBorder="1" applyAlignment="1">
      <alignment vertical="center" wrapText="1" shrinkToFit="1"/>
    </xf>
    <xf numFmtId="176" fontId="33" fillId="0" borderId="40" xfId="0" applyNumberFormat="1" applyFont="1" applyFill="1" applyBorder="1" applyAlignment="1">
      <alignment horizontal="right" vertical="center"/>
    </xf>
    <xf numFmtId="176" fontId="33" fillId="0" borderId="29" xfId="0" applyNumberFormat="1" applyFont="1" applyFill="1" applyBorder="1" applyAlignment="1">
      <alignment horizontal="right" vertical="center"/>
    </xf>
    <xf numFmtId="177" fontId="33" fillId="0" borderId="0" xfId="0" applyNumberFormat="1" applyFont="1" applyFill="1" applyBorder="1" applyAlignment="1">
      <alignment vertical="center"/>
    </xf>
    <xf numFmtId="0" fontId="34" fillId="0" borderId="0" xfId="0" applyFont="1" applyFill="1" applyAlignment="1">
      <alignment vertical="center" wrapText="1"/>
    </xf>
    <xf numFmtId="0" fontId="34" fillId="0" borderId="0" xfId="0" applyFont="1" applyAlignment="1">
      <alignment horizontal="center" vertical="center"/>
    </xf>
    <xf numFmtId="0" fontId="36" fillId="0" borderId="111" xfId="0" applyFont="1" applyBorder="1" applyAlignment="1">
      <alignment horizontal="right" vertical="center"/>
    </xf>
    <xf numFmtId="0" fontId="33" fillId="0" borderId="0" xfId="0" applyFont="1" applyAlignment="1">
      <alignment horizontal="left" vertical="center"/>
    </xf>
    <xf numFmtId="0" fontId="33" fillId="0" borderId="31" xfId="0" applyFont="1" applyBorder="1" applyAlignment="1">
      <alignment horizontal="center" vertical="center"/>
    </xf>
    <xf numFmtId="0" fontId="33" fillId="0" borderId="23" xfId="0" applyFont="1" applyBorder="1" applyAlignment="1">
      <alignment horizontal="center" vertical="center"/>
    </xf>
    <xf numFmtId="0" fontId="33" fillId="0" borderId="12" xfId="0" applyFont="1" applyBorder="1" applyAlignment="1">
      <alignment horizontal="left" vertical="center"/>
    </xf>
    <xf numFmtId="0" fontId="33" fillId="0" borderId="2" xfId="0" applyFont="1" applyBorder="1" applyAlignment="1">
      <alignment horizontal="left" vertical="center"/>
    </xf>
    <xf numFmtId="0" fontId="34" fillId="0" borderId="0" xfId="0" applyFont="1" applyAlignment="1">
      <alignment horizontal="left" vertical="center"/>
    </xf>
    <xf numFmtId="0" fontId="33" fillId="0" borderId="9" xfId="0" applyFont="1" applyBorder="1" applyAlignment="1">
      <alignment horizontal="left" vertical="center"/>
    </xf>
    <xf numFmtId="0" fontId="33" fillId="0" borderId="1" xfId="0" applyFont="1" applyBorder="1" applyAlignment="1">
      <alignment horizontal="left" vertical="center"/>
    </xf>
    <xf numFmtId="0" fontId="33" fillId="0" borderId="100" xfId="0" applyFont="1" applyBorder="1" applyAlignment="1">
      <alignment horizontal="left" vertical="center"/>
    </xf>
    <xf numFmtId="0" fontId="33" fillId="0" borderId="40" xfId="0" applyFont="1" applyBorder="1" applyAlignment="1">
      <alignment horizontal="left" vertical="center"/>
    </xf>
    <xf numFmtId="0" fontId="33" fillId="0" borderId="3" xfId="0" applyFont="1" applyFill="1" applyBorder="1" applyAlignment="1">
      <alignment horizontal="center" vertical="center"/>
    </xf>
    <xf numFmtId="0" fontId="33" fillId="0" borderId="14"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7" xfId="0" applyFont="1" applyFill="1" applyBorder="1" applyAlignment="1">
      <alignment horizontal="center" vertical="center"/>
    </xf>
    <xf numFmtId="0" fontId="33" fillId="0" borderId="8" xfId="0" applyFont="1" applyFill="1" applyBorder="1" applyAlignment="1">
      <alignment horizontal="center" vertical="center"/>
    </xf>
    <xf numFmtId="0" fontId="33" fillId="0" borderId="76" xfId="0" applyFont="1" applyFill="1" applyBorder="1" applyAlignment="1">
      <alignment horizontal="center" vertical="center"/>
    </xf>
    <xf numFmtId="0" fontId="33" fillId="0" borderId="22" xfId="0" applyFont="1" applyFill="1" applyBorder="1" applyAlignment="1">
      <alignment horizontal="center" vertical="center"/>
    </xf>
    <xf numFmtId="0" fontId="33" fillId="0" borderId="101" xfId="0" applyFont="1" applyFill="1" applyBorder="1" applyAlignment="1">
      <alignment horizontal="center" vertical="center"/>
    </xf>
    <xf numFmtId="0" fontId="33" fillId="0" borderId="114" xfId="0" applyFont="1" applyFill="1" applyBorder="1" applyAlignment="1">
      <alignment horizontal="center" vertical="center"/>
    </xf>
    <xf numFmtId="0" fontId="33" fillId="0" borderId="109" xfId="0" applyFont="1" applyFill="1" applyBorder="1" applyAlignment="1">
      <alignment horizontal="center" vertical="center"/>
    </xf>
    <xf numFmtId="0" fontId="33" fillId="0" borderId="110" xfId="0" applyFont="1" applyFill="1" applyBorder="1" applyAlignment="1">
      <alignment horizontal="center" vertical="center"/>
    </xf>
    <xf numFmtId="0" fontId="9" fillId="0" borderId="3" xfId="0" applyFont="1" applyBorder="1" applyAlignment="1">
      <alignment horizontal="center" vertical="center"/>
    </xf>
    <xf numFmtId="0" fontId="9" fillId="0" borderId="14" xfId="0" applyFont="1" applyBorder="1" applyAlignment="1">
      <alignment horizontal="center" vertical="center"/>
    </xf>
    <xf numFmtId="0" fontId="9" fillId="0" borderId="76" xfId="0" applyFont="1" applyBorder="1" applyAlignment="1">
      <alignment horizontal="center" vertical="center"/>
    </xf>
    <xf numFmtId="0" fontId="9" fillId="0" borderId="22" xfId="0" applyFont="1" applyBorder="1" applyAlignment="1">
      <alignment horizontal="center" vertical="center"/>
    </xf>
    <xf numFmtId="0" fontId="9" fillId="0" borderId="43" xfId="0" applyFont="1" applyBorder="1" applyAlignment="1">
      <alignment horizontal="center" vertical="center"/>
    </xf>
    <xf numFmtId="0" fontId="9" fillId="0" borderId="88" xfId="0" applyFont="1" applyBorder="1" applyAlignment="1">
      <alignment horizontal="center" vertical="center"/>
    </xf>
    <xf numFmtId="0" fontId="9" fillId="0" borderId="49" xfId="0" applyFont="1" applyBorder="1" applyAlignment="1">
      <alignment horizontal="center" vertical="center"/>
    </xf>
    <xf numFmtId="0" fontId="9" fillId="0" borderId="83"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35" fillId="0" borderId="92" xfId="0" applyFont="1" applyBorder="1" applyAlignment="1">
      <alignment horizontal="center" vertical="center"/>
    </xf>
    <xf numFmtId="0" fontId="35" fillId="0" borderId="45" xfId="0" applyFont="1" applyBorder="1" applyAlignment="1">
      <alignment horizontal="center" vertical="center"/>
    </xf>
    <xf numFmtId="0" fontId="35" fillId="0" borderId="46" xfId="0" applyFont="1" applyBorder="1" applyAlignment="1">
      <alignment horizontal="center" vertical="center"/>
    </xf>
    <xf numFmtId="0" fontId="35" fillId="0" borderId="92" xfId="0" applyFont="1" applyFill="1" applyBorder="1" applyAlignment="1">
      <alignment horizontal="center" vertical="center"/>
    </xf>
    <xf numFmtId="0" fontId="35" fillId="0" borderId="96" xfId="0" applyFont="1" applyFill="1" applyBorder="1" applyAlignment="1">
      <alignment horizontal="center" vertical="center"/>
    </xf>
    <xf numFmtId="0" fontId="35" fillId="0" borderId="83" xfId="0" applyFont="1" applyBorder="1" applyAlignment="1">
      <alignment horizontal="center" vertical="center"/>
    </xf>
    <xf numFmtId="0" fontId="35" fillId="0" borderId="86" xfId="0" applyFont="1" applyBorder="1" applyAlignment="1">
      <alignment horizontal="center" vertical="center"/>
    </xf>
    <xf numFmtId="0" fontId="35" fillId="0" borderId="84" xfId="0" applyFont="1" applyBorder="1" applyAlignment="1">
      <alignment horizontal="center" vertical="center"/>
    </xf>
    <xf numFmtId="0" fontId="35" fillId="0" borderId="53" xfId="0" applyFont="1" applyFill="1" applyBorder="1" applyAlignment="1">
      <alignment horizontal="center" vertical="center" wrapText="1"/>
    </xf>
    <xf numFmtId="0" fontId="35" fillId="0" borderId="18" xfId="0" applyFont="1" applyFill="1" applyBorder="1" applyAlignment="1">
      <alignment horizontal="center" vertical="center" wrapText="1"/>
    </xf>
    <xf numFmtId="0" fontId="33" fillId="0" borderId="98" xfId="0" applyFont="1" applyFill="1" applyBorder="1" applyAlignment="1">
      <alignment horizontal="center" vertical="center"/>
    </xf>
    <xf numFmtId="0" fontId="33" fillId="0" borderId="140" xfId="0" applyFont="1" applyFill="1" applyBorder="1" applyAlignment="1">
      <alignment horizontal="center" vertical="center"/>
    </xf>
    <xf numFmtId="0" fontId="36" fillId="0" borderId="12" xfId="0" applyFont="1" applyBorder="1" applyAlignment="1">
      <alignment horizontal="center" vertical="center" textRotation="255"/>
    </xf>
    <xf numFmtId="0" fontId="36" fillId="0" borderId="9" xfId="0" applyFont="1" applyBorder="1" applyAlignment="1">
      <alignment horizontal="center" vertical="center" textRotation="255"/>
    </xf>
    <xf numFmtId="0" fontId="36" fillId="0" borderId="100" xfId="0" applyFont="1" applyBorder="1" applyAlignment="1">
      <alignment horizontal="center" vertical="center" textRotation="255"/>
    </xf>
    <xf numFmtId="0" fontId="36" fillId="0" borderId="100" xfId="0" applyFont="1" applyBorder="1" applyAlignment="1">
      <alignment horizontal="center" vertical="center"/>
    </xf>
    <xf numFmtId="0" fontId="36" fillId="0" borderId="29" xfId="0" applyFont="1" applyBorder="1" applyAlignment="1">
      <alignment horizontal="center" vertical="center"/>
    </xf>
    <xf numFmtId="0" fontId="33" fillId="0" borderId="40" xfId="0" applyFont="1" applyBorder="1" applyAlignment="1">
      <alignment horizontal="center" vertical="center"/>
    </xf>
    <xf numFmtId="176" fontId="33" fillId="0" borderId="40" xfId="0" applyNumberFormat="1" applyFont="1" applyBorder="1" applyAlignment="1">
      <alignment horizontal="center" vertical="center"/>
    </xf>
    <xf numFmtId="0" fontId="33" fillId="0" borderId="1" xfId="0" applyFont="1" applyBorder="1" applyAlignment="1">
      <alignment horizontal="center" vertical="center"/>
    </xf>
    <xf numFmtId="0" fontId="33" fillId="0" borderId="58" xfId="0" applyFont="1" applyBorder="1" applyAlignment="1">
      <alignment horizontal="center" vertical="center"/>
    </xf>
    <xf numFmtId="0" fontId="33" fillId="0" borderId="9" xfId="0" applyFont="1" applyBorder="1" applyAlignment="1">
      <alignment horizontal="center" vertical="center"/>
    </xf>
    <xf numFmtId="0" fontId="33" fillId="0" borderId="10" xfId="0" applyFont="1" applyBorder="1" applyAlignment="1">
      <alignment horizontal="center" vertical="center"/>
    </xf>
    <xf numFmtId="176" fontId="33" fillId="0" borderId="100" xfId="0" applyNumberFormat="1" applyFont="1" applyBorder="1" applyAlignment="1">
      <alignment horizontal="center" vertical="center"/>
    </xf>
    <xf numFmtId="176" fontId="33" fillId="0" borderId="29" xfId="0" applyNumberFormat="1" applyFont="1" applyBorder="1" applyAlignment="1">
      <alignment horizontal="center" vertical="center"/>
    </xf>
    <xf numFmtId="0" fontId="36" fillId="0" borderId="15" xfId="0" applyFont="1" applyBorder="1" applyAlignment="1">
      <alignment horizontal="center" vertical="center" textRotation="255"/>
    </xf>
    <xf numFmtId="0" fontId="33" fillId="0" borderId="33" xfId="0" applyFont="1" applyBorder="1" applyAlignment="1">
      <alignment horizontal="center" vertical="center"/>
    </xf>
    <xf numFmtId="0" fontId="36" fillId="0" borderId="9" xfId="0" applyFont="1" applyBorder="1" applyAlignment="1">
      <alignment horizontal="center" vertical="center"/>
    </xf>
    <xf numFmtId="0" fontId="36" fillId="0" borderId="10" xfId="0" applyFont="1" applyBorder="1" applyAlignment="1">
      <alignment horizontal="center" vertical="center"/>
    </xf>
    <xf numFmtId="0" fontId="35" fillId="0" borderId="23" xfId="0" applyFont="1" applyBorder="1" applyAlignment="1">
      <alignment horizontal="center" vertical="center"/>
    </xf>
    <xf numFmtId="0" fontId="35" fillId="0" borderId="55" xfId="0" applyFont="1" applyBorder="1" applyAlignment="1">
      <alignment horizontal="center" vertical="center"/>
    </xf>
    <xf numFmtId="0" fontId="35" fillId="0" borderId="31" xfId="0" applyFont="1" applyBorder="1" applyAlignment="1">
      <alignment horizontal="center" vertical="center"/>
    </xf>
    <xf numFmtId="0" fontId="35" fillId="0" borderId="24" xfId="0" applyFont="1" applyBorder="1" applyAlignment="1">
      <alignment horizontal="center" vertical="center"/>
    </xf>
    <xf numFmtId="0" fontId="36" fillId="0" borderId="12" xfId="0" applyFont="1" applyBorder="1" applyAlignment="1">
      <alignment horizontal="center" vertical="center"/>
    </xf>
    <xf numFmtId="0" fontId="36" fillId="0" borderId="13" xfId="0" applyFont="1" applyBorder="1" applyAlignment="1">
      <alignment horizontal="center" vertical="center"/>
    </xf>
    <xf numFmtId="0" fontId="33" fillId="0" borderId="2" xfId="0" applyFont="1" applyBorder="1" applyAlignment="1">
      <alignment horizontal="center" vertical="center"/>
    </xf>
    <xf numFmtId="0" fontId="33" fillId="0" borderId="32" xfId="0" applyFont="1" applyBorder="1" applyAlignment="1">
      <alignment horizontal="center" vertical="center"/>
    </xf>
    <xf numFmtId="0" fontId="33" fillId="0" borderId="12" xfId="0" applyFont="1" applyBorder="1" applyAlignment="1">
      <alignment horizontal="center" vertical="center"/>
    </xf>
    <xf numFmtId="0" fontId="33" fillId="0" borderId="13" xfId="0" applyFont="1" applyBorder="1" applyAlignment="1">
      <alignment horizontal="center" vertical="center"/>
    </xf>
    <xf numFmtId="0" fontId="36" fillId="0" borderId="100" xfId="0" applyFont="1" applyBorder="1" applyAlignment="1">
      <alignment horizontal="center" vertical="center" wrapText="1"/>
    </xf>
    <xf numFmtId="0" fontId="36" fillId="0" borderId="29" xfId="0" applyFont="1" applyBorder="1" applyAlignment="1">
      <alignment horizontal="center" vertical="center" wrapText="1"/>
    </xf>
    <xf numFmtId="0" fontId="33" fillId="0" borderId="100" xfId="0" applyFont="1" applyBorder="1" applyAlignment="1">
      <alignment horizontal="center" vertical="center"/>
    </xf>
    <xf numFmtId="0" fontId="33" fillId="0" borderId="29" xfId="0" applyFont="1" applyBorder="1" applyAlignment="1">
      <alignment horizontal="center" vertical="center"/>
    </xf>
    <xf numFmtId="0" fontId="38" fillId="0" borderId="31" xfId="0" applyFont="1" applyFill="1" applyBorder="1" applyAlignment="1">
      <alignment horizontal="center" vertical="center"/>
    </xf>
    <xf numFmtId="0" fontId="38" fillId="0" borderId="23" xfId="0" applyFont="1" applyFill="1" applyBorder="1" applyAlignment="1">
      <alignment horizontal="center" vertical="center"/>
    </xf>
    <xf numFmtId="0" fontId="38" fillId="0" borderId="55" xfId="0" applyFont="1" applyFill="1" applyBorder="1" applyAlignment="1">
      <alignment horizontal="center" vertical="center"/>
    </xf>
    <xf numFmtId="0" fontId="33" fillId="0" borderId="0" xfId="0" applyFont="1" applyFill="1" applyBorder="1" applyAlignment="1">
      <alignment horizontal="left" vertical="center"/>
    </xf>
    <xf numFmtId="0" fontId="10" fillId="0" borderId="74" xfId="0" applyFont="1" applyBorder="1" applyAlignment="1">
      <alignment horizontal="center" vertical="center" wrapText="1"/>
    </xf>
    <xf numFmtId="0" fontId="10" fillId="0" borderId="58" xfId="0" applyFont="1" applyBorder="1" applyAlignment="1">
      <alignment horizontal="center" vertical="center"/>
    </xf>
    <xf numFmtId="0" fontId="10" fillId="0" borderId="60" xfId="0" applyFont="1" applyBorder="1" applyAlignment="1">
      <alignment horizontal="center" vertical="center"/>
    </xf>
    <xf numFmtId="0" fontId="10" fillId="0" borderId="55" xfId="0" applyFont="1" applyBorder="1" applyAlignment="1">
      <alignment horizontal="center" vertical="center"/>
    </xf>
    <xf numFmtId="0" fontId="10" fillId="0" borderId="30" xfId="0" applyFont="1" applyBorder="1" applyAlignment="1">
      <alignment horizontal="center" vertical="center"/>
    </xf>
    <xf numFmtId="0" fontId="10" fillId="0" borderId="25" xfId="0" applyFont="1" applyBorder="1" applyAlignment="1">
      <alignment horizontal="center" vertical="center"/>
    </xf>
    <xf numFmtId="0" fontId="10" fillId="0" borderId="68" xfId="5" applyNumberFormat="1" applyFont="1" applyFill="1" applyBorder="1" applyAlignment="1">
      <alignment horizontal="left" vertical="center"/>
    </xf>
    <xf numFmtId="0" fontId="10" fillId="0" borderId="66" xfId="5" applyNumberFormat="1" applyFont="1" applyFill="1" applyBorder="1" applyAlignment="1">
      <alignment horizontal="left" vertical="center"/>
    </xf>
    <xf numFmtId="0" fontId="10" fillId="0" borderId="78" xfId="0" applyFont="1" applyBorder="1" applyAlignment="1">
      <alignment horizontal="left" vertical="center" wrapText="1"/>
    </xf>
    <xf numFmtId="0" fontId="10" fillId="0" borderId="77" xfId="0" applyFont="1" applyBorder="1" applyAlignment="1">
      <alignment horizontal="left" vertical="center" wrapText="1"/>
    </xf>
    <xf numFmtId="0" fontId="10" fillId="0" borderId="57" xfId="5" applyNumberFormat="1" applyFont="1" applyFill="1" applyBorder="1" applyAlignment="1">
      <alignment horizontal="left" vertical="center" wrapText="1"/>
    </xf>
    <xf numFmtId="0" fontId="10" fillId="0" borderId="39" xfId="5" applyNumberFormat="1" applyFont="1" applyFill="1" applyBorder="1" applyAlignment="1">
      <alignment horizontal="left" vertical="center" wrapText="1"/>
    </xf>
    <xf numFmtId="0" fontId="10" fillId="0" borderId="69" xfId="5" applyNumberFormat="1" applyFont="1" applyFill="1" applyBorder="1" applyAlignment="1">
      <alignment horizontal="left" vertical="center"/>
    </xf>
    <xf numFmtId="0" fontId="10" fillId="0" borderId="42" xfId="5" applyNumberFormat="1" applyFont="1" applyFill="1" applyBorder="1" applyAlignment="1">
      <alignment horizontal="left" vertical="center"/>
    </xf>
    <xf numFmtId="0" fontId="10" fillId="0" borderId="59" xfId="5" applyNumberFormat="1" applyFont="1" applyFill="1" applyBorder="1" applyAlignment="1">
      <alignment horizontal="left" vertical="center" wrapText="1"/>
    </xf>
    <xf numFmtId="0" fontId="10" fillId="0" borderId="60" xfId="5" applyNumberFormat="1" applyFont="1" applyFill="1" applyBorder="1" applyAlignment="1">
      <alignment horizontal="left" vertical="center" wrapText="1"/>
    </xf>
    <xf numFmtId="0" fontId="10" fillId="0" borderId="59" xfId="5" applyNumberFormat="1" applyFont="1" applyFill="1" applyBorder="1" applyAlignment="1">
      <alignment horizontal="left" vertical="center"/>
    </xf>
    <xf numFmtId="0" fontId="10" fillId="0" borderId="60" xfId="5" applyNumberFormat="1" applyFont="1" applyFill="1" applyBorder="1" applyAlignment="1">
      <alignment horizontal="left" vertical="center"/>
    </xf>
    <xf numFmtId="0" fontId="10" fillId="0" borderId="1" xfId="0" applyFont="1" applyBorder="1" applyAlignment="1">
      <alignment horizontal="left" vertical="center"/>
    </xf>
    <xf numFmtId="38" fontId="10" fillId="0" borderId="1" xfId="3" applyFont="1" applyBorder="1" applyAlignment="1">
      <alignment horizontal="left" vertical="center"/>
    </xf>
    <xf numFmtId="38" fontId="10" fillId="0" borderId="1" xfId="3" applyFont="1" applyFill="1" applyBorder="1" applyAlignment="1">
      <alignment horizontal="left" vertical="center"/>
    </xf>
    <xf numFmtId="0" fontId="10" fillId="0" borderId="1" xfId="0" applyFont="1" applyFill="1" applyBorder="1" applyAlignment="1">
      <alignment horizontal="left" vertical="center"/>
    </xf>
    <xf numFmtId="0" fontId="15" fillId="0" borderId="1" xfId="0" applyFont="1" applyBorder="1" applyAlignment="1">
      <alignment horizontal="center" vertical="center"/>
    </xf>
    <xf numFmtId="0" fontId="10" fillId="0" borderId="1" xfId="0" applyFont="1" applyBorder="1" applyAlignment="1">
      <alignment horizontal="center" vertical="center"/>
    </xf>
    <xf numFmtId="0" fontId="10" fillId="2" borderId="1" xfId="0" applyFont="1" applyFill="1" applyBorder="1" applyAlignment="1">
      <alignment horizontal="left" vertical="center"/>
    </xf>
    <xf numFmtId="0" fontId="15" fillId="0" borderId="1" xfId="0" applyFont="1" applyBorder="1" applyAlignment="1">
      <alignment horizontal="left" vertical="center"/>
    </xf>
    <xf numFmtId="38" fontId="10" fillId="2" borderId="1" xfId="3" applyFont="1" applyFill="1" applyBorder="1" applyAlignment="1">
      <alignment horizontal="left" vertical="center"/>
    </xf>
    <xf numFmtId="0" fontId="4" fillId="0" borderId="0" xfId="5" applyNumberFormat="1" applyFont="1" applyFill="1" applyBorder="1" applyAlignment="1">
      <alignment horizontal="left" wrapText="1"/>
    </xf>
    <xf numFmtId="0" fontId="20" fillId="0" borderId="0" xfId="5" applyNumberFormat="1" applyFont="1" applyFill="1" applyBorder="1" applyAlignment="1">
      <alignment horizontal="left" vertical="top" wrapText="1"/>
    </xf>
    <xf numFmtId="0" fontId="38" fillId="0" borderId="145" xfId="0" applyFont="1" applyFill="1" applyBorder="1" applyAlignment="1">
      <alignment horizontal="center" vertical="center"/>
    </xf>
    <xf numFmtId="0" fontId="38" fillId="0" borderId="30" xfId="0" applyFont="1" applyFill="1" applyBorder="1" applyAlignment="1">
      <alignment horizontal="center" vertical="center"/>
    </xf>
    <xf numFmtId="0" fontId="38" fillId="0" borderId="25" xfId="0" applyFont="1" applyFill="1" applyBorder="1" applyAlignment="1">
      <alignment horizontal="center" vertical="center"/>
    </xf>
    <xf numFmtId="0" fontId="33" fillId="0" borderId="58" xfId="0" applyFont="1" applyFill="1" applyBorder="1" applyAlignment="1">
      <alignment horizontal="left" vertical="center"/>
    </xf>
    <xf numFmtId="0" fontId="33" fillId="0" borderId="60" xfId="0" applyFont="1" applyFill="1" applyBorder="1" applyAlignment="1">
      <alignment horizontal="left" vertical="center"/>
    </xf>
    <xf numFmtId="0" fontId="35" fillId="0" borderId="55" xfId="0" applyFont="1" applyFill="1" applyBorder="1" applyAlignment="1">
      <alignment horizontal="center" vertical="center" wrapText="1"/>
    </xf>
    <xf numFmtId="0" fontId="35" fillId="0" borderId="25" xfId="0" applyFont="1" applyFill="1" applyBorder="1" applyAlignment="1">
      <alignment horizontal="center" vertical="center" wrapText="1"/>
    </xf>
    <xf numFmtId="0" fontId="35" fillId="0" borderId="55" xfId="0" applyFont="1" applyFill="1" applyBorder="1" applyAlignment="1">
      <alignment horizontal="center" vertical="center"/>
    </xf>
    <xf numFmtId="0" fontId="35" fillId="0" borderId="25" xfId="0" applyFont="1" applyFill="1" applyBorder="1" applyAlignment="1">
      <alignment horizontal="center" vertical="center"/>
    </xf>
    <xf numFmtId="0" fontId="35" fillId="0" borderId="145" xfId="0" applyFont="1" applyFill="1" applyBorder="1" applyAlignment="1">
      <alignment horizontal="center" vertical="center"/>
    </xf>
    <xf numFmtId="0" fontId="35" fillId="0" borderId="30" xfId="0" applyFont="1" applyFill="1" applyBorder="1" applyAlignment="1">
      <alignment horizontal="center" vertical="center"/>
    </xf>
    <xf numFmtId="0" fontId="35" fillId="0" borderId="36" xfId="0" applyFont="1" applyBorder="1" applyAlignment="1">
      <alignment horizontal="center" vertical="center"/>
    </xf>
    <xf numFmtId="0" fontId="35" fillId="0" borderId="37" xfId="0" applyFont="1" applyBorder="1" applyAlignment="1">
      <alignment horizontal="center" vertical="center"/>
    </xf>
    <xf numFmtId="0" fontId="33" fillId="0" borderId="145" xfId="0" applyFont="1" applyBorder="1" applyAlignment="1">
      <alignment horizontal="center" vertical="center"/>
    </xf>
    <xf numFmtId="0" fontId="33" fillId="0" borderId="30" xfId="0" applyFont="1" applyBorder="1" applyAlignment="1">
      <alignment horizontal="center" vertical="center"/>
    </xf>
    <xf numFmtId="0" fontId="33" fillId="0" borderId="146" xfId="0" applyFont="1" applyBorder="1" applyAlignment="1">
      <alignment horizontal="center" vertical="center"/>
    </xf>
    <xf numFmtId="0" fontId="27" fillId="0" borderId="117" xfId="0" applyFont="1" applyBorder="1" applyAlignment="1">
      <alignment horizontal="center" vertical="center"/>
    </xf>
    <xf numFmtId="0" fontId="27" fillId="0" borderId="118" xfId="0" applyFont="1" applyBorder="1" applyAlignment="1">
      <alignment horizontal="center" vertical="center"/>
    </xf>
    <xf numFmtId="0" fontId="27" fillId="0" borderId="119" xfId="0" applyFont="1" applyBorder="1" applyAlignment="1">
      <alignment horizontal="center" vertical="center"/>
    </xf>
  </cellXfs>
  <cellStyles count="9">
    <cellStyle name="パーセント" xfId="4" builtinId="5"/>
    <cellStyle name="パーセント 2" xfId="7"/>
    <cellStyle name="パーセント 3" xfId="8"/>
    <cellStyle name="桁区切り" xfId="3" builtinId="6"/>
    <cellStyle name="標準" xfId="0" builtinId="0"/>
    <cellStyle name="標準 2" xfId="5"/>
    <cellStyle name="標準 2 2" xfId="1"/>
    <cellStyle name="標準 2 2 2" xfId="2"/>
    <cellStyle name="標準 2 4" xfId="6"/>
  </cellStyles>
  <dxfs count="0"/>
  <tableStyles count="0" defaultTableStyle="TableStyleMedium2" defaultPivotStyle="PivotStyleLight16"/>
  <colors>
    <mruColors>
      <color rgb="FFD9D9D9"/>
      <color rgb="FFFFFF00"/>
      <color rgb="FFFF66FF"/>
      <color rgb="FF00FFFF"/>
      <color rgb="FFFFCC66"/>
      <color rgb="FF00FF00"/>
      <color rgb="FFFF6699"/>
      <color rgb="FF00CC99"/>
      <color rgb="FFFF9966"/>
      <color rgb="FF00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2000" b="1">
                <a:latin typeface="ＭＳ 明朝" panose="02020609040205080304" pitchFamily="17" charset="-128"/>
                <a:ea typeface="ＭＳ 明朝" panose="02020609040205080304" pitchFamily="17" charset="-128"/>
              </a:rPr>
              <a:t>看護師訪問率</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pieChart>
        <c:varyColors val="1"/>
        <c:ser>
          <c:idx val="0"/>
          <c:order val="0"/>
          <c:tx>
            <c:strRef>
              <c:f>Ⅰ結果概要!$C$59</c:f>
              <c:strCache>
                <c:ptCount val="1"/>
                <c:pt idx="0">
                  <c:v>事業所数</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Lbls>
            <c:dLbl>
              <c:idx val="0"/>
              <c:layout>
                <c:manualLayout>
                  <c:x val="-6.6666581999830582E-2"/>
                  <c:y val="-7.7510852968474056E-2"/>
                </c:manualLayout>
              </c:layout>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FA9E8B92-4153-4992-A991-6C2C594D0EF9}"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847B2B01-B421-48F0-8743-F6AB7109F570}"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layout>
                    <c:manualLayout>
                      <c:w val="0.22030852595038519"/>
                      <c:h val="0.19818707727242879"/>
                    </c:manualLayout>
                  </c15:layout>
                  <c15:dlblFieldTable/>
                  <c15:showDataLabelsRange val="0"/>
                </c:ext>
              </c:extLst>
            </c:dLbl>
            <c:dLbl>
              <c:idx val="1"/>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FE81A593-A989-4B12-9AD6-C8E6E62F4097}"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83E39211-F33B-4F2C-BB6E-4A737D521282}"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outEnd"/>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layout>
                    <c:manualLayout>
                      <c:w val="0.20140326813986961"/>
                      <c:h val="0.19561953234933085"/>
                    </c:manualLayout>
                  </c15:layout>
                  <c15:dlblFieldTable/>
                  <c15:showDataLabelsRange val="0"/>
                </c:ext>
              </c:extLst>
            </c:dLbl>
            <c:dLbl>
              <c:idx val="2"/>
              <c:layout>
                <c:manualLayout>
                  <c:x val="-3.0107526881720435E-2"/>
                  <c:y val="0.16577946768060836"/>
                </c:manualLayout>
              </c:layout>
              <c:tx>
                <c:rich>
                  <a:bodyPr/>
                  <a:lstStyle/>
                  <a:p>
                    <a:fld id="{713A3B6F-1947-424C-8BD8-9EF8647634B6}" type="CATEGORYNAME">
                      <a:rPr lang="ja-JP" altLang="en-US" sz="1800">
                        <a:latin typeface="ＭＳ 明朝" panose="02020609040205080304" pitchFamily="17" charset="-128"/>
                        <a:ea typeface="ＭＳ 明朝" panose="02020609040205080304" pitchFamily="17" charset="-128"/>
                      </a:rPr>
                      <a:pPr/>
                      <a:t>[分類名]</a:t>
                    </a:fld>
                    <a:r>
                      <a:rPr lang="ja-JP" altLang="en-US" sz="1800" baseline="0">
                        <a:latin typeface="ＭＳ 明朝" panose="02020609040205080304" pitchFamily="17" charset="-128"/>
                        <a:ea typeface="ＭＳ 明朝" panose="02020609040205080304" pitchFamily="17" charset="-128"/>
                      </a:rPr>
                      <a:t>
</a:t>
                    </a:r>
                    <a:fld id="{D0A4CCBC-C87B-4E34-818E-95293EDC1DEC}" type="PERCENTAGE">
                      <a:rPr lang="en-US" altLang="ja-JP" sz="1800" baseline="0">
                        <a:latin typeface="ＭＳ 明朝" panose="02020609040205080304" pitchFamily="17" charset="-128"/>
                        <a:ea typeface="ＭＳ 明朝" panose="02020609040205080304" pitchFamily="17" charset="-128"/>
                      </a:rPr>
                      <a:pPr/>
                      <a:t>[パーセンテージ]</a:t>
                    </a:fld>
                    <a:endParaRPr lang="ja-JP" altLang="en-US" sz="1800" baseline="0">
                      <a:latin typeface="ＭＳ 明朝" panose="02020609040205080304" pitchFamily="17" charset="-128"/>
                      <a:ea typeface="ＭＳ 明朝" panose="02020609040205080304" pitchFamily="17" charset="-128"/>
                    </a:endParaRPr>
                  </a:p>
                </c:rich>
              </c:tx>
              <c:dLblPos val="bestFit"/>
              <c:showLegendKey val="0"/>
              <c:showVal val="0"/>
              <c:showCatName val="1"/>
              <c:showSerName val="0"/>
              <c:showPercent val="1"/>
              <c:showBubbleSize val="0"/>
              <c:extLst>
                <c:ext xmlns:c15="http://schemas.microsoft.com/office/drawing/2012/chart" uri="{CE6537A1-D6FC-4f65-9D91-7224C49458BB}">
                  <c15:layout>
                    <c:manualLayout>
                      <c:w val="0.19710219287105241"/>
                      <c:h val="0.20056549205113622"/>
                    </c:manualLayout>
                  </c15:layout>
                  <c15:dlblFieldTable/>
                  <c15:showDataLabelsRange val="0"/>
                </c:ext>
              </c:extLst>
            </c:dLbl>
            <c:dLbl>
              <c:idx val="3"/>
              <c:layout>
                <c:manualLayout>
                  <c:x val="-9.8924646515959724E-2"/>
                  <c:y val="5.4752971467920145E-2"/>
                </c:manualLayout>
              </c:layout>
              <c:tx>
                <c:rich>
                  <a:bodyPr/>
                  <a:lstStyle/>
                  <a:p>
                    <a:fld id="{0880BB45-6E9E-479A-8CE6-55E2CD809CA7}" type="CATEGORYNAME">
                      <a:rPr lang="ja-JP" altLang="en-US" sz="1800">
                        <a:latin typeface="ＭＳ 明朝" panose="02020609040205080304" pitchFamily="17" charset="-128"/>
                        <a:ea typeface="ＭＳ 明朝" panose="02020609040205080304" pitchFamily="17" charset="-128"/>
                      </a:rPr>
                      <a:pPr/>
                      <a:t>[分類名]</a:t>
                    </a:fld>
                    <a:r>
                      <a:rPr lang="ja-JP" altLang="en-US" sz="1600" baseline="0">
                        <a:latin typeface="ＭＳ 明朝" panose="02020609040205080304" pitchFamily="17" charset="-128"/>
                        <a:ea typeface="ＭＳ 明朝" panose="02020609040205080304" pitchFamily="17" charset="-128"/>
                      </a:rPr>
                      <a:t>
</a:t>
                    </a:r>
                    <a:fld id="{CB6348C2-EBBF-4B22-AAD4-0AE6C2252B85}" type="PERCENTAGE">
                      <a:rPr lang="en-US" altLang="ja-JP" sz="1800" baseline="0">
                        <a:latin typeface="ＭＳ 明朝" panose="02020609040205080304" pitchFamily="17" charset="-128"/>
                        <a:ea typeface="ＭＳ 明朝" panose="02020609040205080304" pitchFamily="17" charset="-128"/>
                      </a:rPr>
                      <a:pPr/>
                      <a:t>[パーセンテージ]</a:t>
                    </a:fld>
                    <a:endParaRPr lang="ja-JP" altLang="en-US" sz="1600" baseline="0">
                      <a:latin typeface="ＭＳ 明朝" panose="02020609040205080304" pitchFamily="17" charset="-128"/>
                      <a:ea typeface="ＭＳ 明朝" panose="02020609040205080304" pitchFamily="17" charset="-128"/>
                    </a:endParaRPr>
                  </a:p>
                </c:rich>
              </c:tx>
              <c:dLblPos val="bestFit"/>
              <c:showLegendKey val="0"/>
              <c:showVal val="0"/>
              <c:showCatName val="1"/>
              <c:showSerName val="0"/>
              <c:showPercent val="1"/>
              <c:showBubbleSize val="0"/>
              <c:extLst>
                <c:ext xmlns:c15="http://schemas.microsoft.com/office/drawing/2012/chart" uri="{CE6537A1-D6FC-4f65-9D91-7224C49458BB}">
                  <c15:layout>
                    <c:manualLayout>
                      <c:w val="0.20095368724070778"/>
                      <c:h val="0.19752366695607917"/>
                    </c:manualLayout>
                  </c15:layout>
                  <c15:dlblFieldTable/>
                  <c15:showDataLabelsRange val="0"/>
                </c:ext>
              </c:extLst>
            </c:dLbl>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outEnd"/>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Ⅰ結果概要!$B$60:$B$63</c:f>
              <c:strCache>
                <c:ptCount val="4"/>
                <c:pt idx="0">
                  <c:v>80以上</c:v>
                </c:pt>
                <c:pt idx="1">
                  <c:v>60～80未</c:v>
                </c:pt>
                <c:pt idx="2">
                  <c:v>40～60未</c:v>
                </c:pt>
                <c:pt idx="3">
                  <c:v>40未満</c:v>
                </c:pt>
              </c:strCache>
            </c:strRef>
          </c:cat>
          <c:val>
            <c:numRef>
              <c:f>Ⅰ結果概要!$C$60:$C$63</c:f>
              <c:numCache>
                <c:formatCode>General</c:formatCode>
                <c:ptCount val="4"/>
                <c:pt idx="0">
                  <c:v>306</c:v>
                </c:pt>
                <c:pt idx="1">
                  <c:v>98</c:v>
                </c:pt>
                <c:pt idx="2">
                  <c:v>84</c:v>
                </c:pt>
                <c:pt idx="3">
                  <c:v>45</c:v>
                </c:pt>
              </c:numCache>
            </c:numRef>
          </c:val>
        </c:ser>
        <c:dLbls>
          <c:showLegendKey val="0"/>
          <c:showVal val="0"/>
          <c:showCatName val="0"/>
          <c:showSerName val="0"/>
          <c:showPercent val="0"/>
          <c:showBubbleSize val="0"/>
          <c:showLeaderLines val="0"/>
        </c:dLbls>
        <c:firstSliceAng val="0"/>
        <c:extLst>
          <c:ext xmlns:c15="http://schemas.microsoft.com/office/drawing/2012/chart" uri="{02D57815-91ED-43cb-92C2-25804820EDAC}">
            <c15:filteredPieSeries>
              <c15:ser>
                <c:idx val="1"/>
                <c:order val="1"/>
                <c:tx>
                  <c:strRef>
                    <c:extLst>
                      <c:ext uri="{02D57815-91ED-43cb-92C2-25804820EDAC}">
                        <c15:formulaRef>
                          <c15:sqref>Ⅰ結果概要!$D$59</c15:sqref>
                        </c15:formulaRef>
                      </c:ext>
                    </c:extLst>
                    <c:strCache>
                      <c:ptCount val="1"/>
                      <c:pt idx="0">
                        <c:v>構成比（％）</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Lbls>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outEnd"/>
                  <c:showLegendKey val="0"/>
                  <c:showVal val="0"/>
                  <c:showCatName val="1"/>
                  <c:showSerName val="0"/>
                  <c:showPercent val="1"/>
                  <c:showBubbleSize val="0"/>
                  <c:showLeaderLines val="0"/>
                  <c:extLst>
                    <c:ext uri="{CE6537A1-D6FC-4f65-9D91-7224C49458BB}">
                      <c15:spPr xmlns:c15="http://schemas.microsoft.com/office/drawing/2012/chart">
                        <a:prstGeom prst="wedgeRectCallout">
                          <a:avLst/>
                        </a:prstGeom>
                        <a:noFill/>
                        <a:ln>
                          <a:noFill/>
                        </a:ln>
                      </c15:spPr>
                    </c:ext>
                  </c:extLst>
                </c:dLbls>
                <c:cat>
                  <c:strRef>
                    <c:extLst>
                      <c:ext uri="{02D57815-91ED-43cb-92C2-25804820EDAC}">
                        <c15:formulaRef>
                          <c15:sqref>Ⅰ結果概要!$B$60:$B$63</c15:sqref>
                        </c15:formulaRef>
                      </c:ext>
                    </c:extLst>
                    <c:strCache>
                      <c:ptCount val="4"/>
                      <c:pt idx="0">
                        <c:v>80以上</c:v>
                      </c:pt>
                      <c:pt idx="1">
                        <c:v>60～80未</c:v>
                      </c:pt>
                      <c:pt idx="2">
                        <c:v>40～60未</c:v>
                      </c:pt>
                      <c:pt idx="3">
                        <c:v>40未満</c:v>
                      </c:pt>
                    </c:strCache>
                  </c:strRef>
                </c:cat>
                <c:val>
                  <c:numRef>
                    <c:extLst>
                      <c:ext uri="{02D57815-91ED-43cb-92C2-25804820EDAC}">
                        <c15:formulaRef>
                          <c15:sqref>Ⅰ結果概要!$D$60:$D$63</c15:sqref>
                        </c15:formulaRef>
                      </c:ext>
                    </c:extLst>
                    <c:numCache>
                      <c:formatCode>0.0_);[Red]\(0.0\)</c:formatCode>
                      <c:ptCount val="4"/>
                      <c:pt idx="0">
                        <c:v>57.410881801125704</c:v>
                      </c:pt>
                      <c:pt idx="1">
                        <c:v>18.386491557223263</c:v>
                      </c:pt>
                      <c:pt idx="2">
                        <c:v>15.75984990619137</c:v>
                      </c:pt>
                      <c:pt idx="3">
                        <c:v>8.4427767354596615</c:v>
                      </c:pt>
                    </c:numCache>
                  </c:numRef>
                </c:val>
              </c15:ser>
            </c15:filteredPieSeries>
          </c:ext>
        </c:extLst>
      </c:pieChart>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r>
              <a:rPr lang="ja-JP" altLang="en-US" sz="2400" b="1">
                <a:latin typeface="ＭＳ 明朝" panose="02020609040205080304" pitchFamily="17" charset="-128"/>
                <a:ea typeface="ＭＳ 明朝" panose="02020609040205080304" pitchFamily="17" charset="-128"/>
              </a:rPr>
              <a:t>年代別構成比</a:t>
            </a:r>
            <a:endParaRPr lang="en-US" altLang="ja-JP" sz="2400" b="1">
              <a:latin typeface="ＭＳ 明朝" panose="02020609040205080304" pitchFamily="17" charset="-128"/>
              <a:ea typeface="ＭＳ 明朝" panose="02020609040205080304" pitchFamily="17" charset="-128"/>
            </a:endParaRPr>
          </a:p>
        </c:rich>
      </c:tx>
      <c:layout>
        <c:manualLayout>
          <c:xMode val="edge"/>
          <c:yMode val="edge"/>
          <c:x val="0.35676964958118457"/>
          <c:y val="1.9848136552283673E-2"/>
        </c:manualLayout>
      </c:layout>
      <c:overlay val="0"/>
      <c:spPr>
        <a:noFill/>
        <a:ln>
          <a:noFill/>
        </a:ln>
        <a:effectLst/>
      </c:spPr>
      <c:txPr>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21974532728863438"/>
          <c:y val="0.26743383481554323"/>
          <c:w val="0.59126700071581972"/>
          <c:h val="0.67089309462029301"/>
        </c:manualLayout>
      </c:layout>
      <c:pieChart>
        <c:varyColors val="1"/>
        <c:ser>
          <c:idx val="0"/>
          <c:order val="0"/>
          <c:dPt>
            <c:idx val="0"/>
            <c:bubble3D val="0"/>
            <c:spPr>
              <a:solidFill>
                <a:schemeClr val="accent1"/>
              </a:solidFill>
              <a:ln>
                <a:noFill/>
              </a:ln>
              <a:effectLst/>
            </c:spPr>
          </c:dPt>
          <c:dPt>
            <c:idx val="1"/>
            <c:bubble3D val="0"/>
            <c:spPr>
              <a:solidFill>
                <a:schemeClr val="accent2"/>
              </a:solidFill>
              <a:ln>
                <a:noFill/>
              </a:ln>
              <a:effectLst/>
            </c:spPr>
          </c:dPt>
          <c:dPt>
            <c:idx val="2"/>
            <c:bubble3D val="0"/>
            <c:spPr>
              <a:solidFill>
                <a:schemeClr val="accent3"/>
              </a:solidFill>
              <a:ln>
                <a:noFill/>
              </a:ln>
              <a:effectLst/>
            </c:spPr>
          </c:dPt>
          <c:dPt>
            <c:idx val="3"/>
            <c:bubble3D val="0"/>
            <c:spPr>
              <a:solidFill>
                <a:schemeClr val="accent4"/>
              </a:solidFill>
              <a:ln>
                <a:noFill/>
              </a:ln>
              <a:effectLst/>
            </c:spPr>
          </c:dPt>
          <c:dPt>
            <c:idx val="4"/>
            <c:bubble3D val="0"/>
            <c:spPr>
              <a:solidFill>
                <a:schemeClr val="accent5"/>
              </a:solidFill>
              <a:ln>
                <a:noFill/>
              </a:ln>
              <a:effectLst/>
            </c:spPr>
          </c:dPt>
          <c:dPt>
            <c:idx val="5"/>
            <c:bubble3D val="0"/>
            <c:spPr>
              <a:solidFill>
                <a:schemeClr val="accent6"/>
              </a:solidFill>
              <a:ln>
                <a:noFill/>
              </a:ln>
              <a:effectLst/>
            </c:spPr>
          </c:dPt>
          <c:dLbls>
            <c:dLbl>
              <c:idx val="0"/>
              <c:layout>
                <c:manualLayout>
                  <c:x val="8.7878867414300441E-2"/>
                  <c:y val="2.0495919564054013E-2"/>
                </c:manualLayout>
              </c:layout>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D18EAD36-D942-4912-A4B6-A34263318AE4}"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60ABF71B-7BDD-46B2-9AA4-320001B7409C}"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layout>
                    <c:manualLayout>
                      <c:w val="0.19079487791298819"/>
                      <c:h val="0.15062796498140926"/>
                    </c:manualLayout>
                  </c15:layout>
                  <c15:dlblFieldTable/>
                  <c15:showDataLabelsRange val="0"/>
                </c:ext>
              </c:extLst>
            </c:dLbl>
            <c:dLbl>
              <c:idx val="1"/>
              <c:layout>
                <c:manualLayout>
                  <c:x val="1.8823532201727791E-2"/>
                  <c:y val="3.91644908616188E-2"/>
                </c:manualLayout>
              </c:layout>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4093E988-7D3F-4445-AF29-1D48C9383623}"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70AC99B0-02E8-4819-B702-9AB216E6A80D}"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layout>
                    <c:manualLayout>
                      <c:w val="0.20705885421900572"/>
                      <c:h val="0.17441253263707571"/>
                    </c:manualLayout>
                  </c15:layout>
                  <c15:dlblFieldTable/>
                  <c15:showDataLabelsRange val="0"/>
                </c:ext>
              </c:extLst>
            </c:dLbl>
            <c:dLbl>
              <c:idx val="2"/>
              <c:layout>
                <c:manualLayout>
                  <c:x val="0.13451560813751043"/>
                  <c:y val="-0.11985771056561298"/>
                </c:manualLayout>
              </c:layout>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E4A53365-196E-46A1-86A9-5F644C6896FE}"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DEE5D1EF-1417-45DD-A36B-4A7DD0E9D55D}"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xfrm>
                  <a:off x="5089135" y="4336033"/>
                  <a:ext cx="1481644" cy="987398"/>
                </a:xfrm>
                <a:solidFill>
                  <a:sysClr val="window" lastClr="FFFFFF"/>
                </a:solidFill>
                <a:ln w="9525" cap="flat" cmpd="sng" algn="ctr">
                  <a:solidFill>
                    <a:sysClr val="windowText" lastClr="000000">
                      <a:lumMod val="25000"/>
                      <a:lumOff val="75000"/>
                    </a:sysClr>
                  </a:solidFill>
                  <a:prstDash val="solid"/>
                  <a:round/>
                  <a:headEnd type="none" w="med" len="med"/>
                  <a:tailEnd type="none" w="med" len="med"/>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gd name="adj1" fmla="val -73291"/>
                        <a:gd name="adj2" fmla="val 52072"/>
                      </a:avLst>
                    </a:prstGeom>
                    <a:noFill/>
                    <a:ln>
                      <a:noFill/>
                    </a:ln>
                  </c15:spPr>
                  <c15:layout>
                    <c:manualLayout>
                      <c:w val="0.2092644555794162"/>
                      <c:h val="0.16325025672427365"/>
                    </c:manualLayout>
                  </c15:layout>
                  <c15:dlblFieldTable/>
                  <c15:showDataLabelsRange val="0"/>
                </c:ext>
              </c:extLst>
            </c:dLbl>
            <c:dLbl>
              <c:idx val="3"/>
              <c:layout>
                <c:manualLayout>
                  <c:x val="-7.9535512602195435E-8"/>
                  <c:y val="5.1412484926977683E-2"/>
                </c:manualLayout>
              </c:layout>
              <c:tx>
                <c:rich>
                  <a:bodyPr/>
                  <a:lstStyle/>
                  <a:p>
                    <a:fld id="{551C33EC-0A17-4100-B8D3-2EAA2698505A}" type="CATEGORYNAME">
                      <a:rPr lang="ja-JP" altLang="en-US" sz="1800">
                        <a:latin typeface="ＭＳ 明朝" panose="02020609040205080304" pitchFamily="17" charset="-128"/>
                        <a:ea typeface="ＭＳ 明朝" panose="02020609040205080304" pitchFamily="17" charset="-128"/>
                      </a:rPr>
                      <a:pPr/>
                      <a:t>[分類名]</a:t>
                    </a:fld>
                    <a:r>
                      <a:rPr lang="ja-JP" altLang="en-US" sz="1800" baseline="0">
                        <a:latin typeface="ＭＳ 明朝" panose="02020609040205080304" pitchFamily="17" charset="-128"/>
                        <a:ea typeface="ＭＳ 明朝" panose="02020609040205080304" pitchFamily="17" charset="-128"/>
                      </a:rPr>
                      <a:t>
</a:t>
                    </a:r>
                    <a:fld id="{FEF79093-DA1F-46BC-92FF-87DD5E7C80E0}" type="PERCENTAGE">
                      <a:rPr lang="en-US" altLang="ja-JP" sz="1800" baseline="0">
                        <a:latin typeface="ＭＳ 明朝" panose="02020609040205080304" pitchFamily="17" charset="-128"/>
                        <a:ea typeface="ＭＳ 明朝" panose="02020609040205080304" pitchFamily="17" charset="-128"/>
                      </a:rPr>
                      <a:pPr/>
                      <a:t>[パーセンテージ]</a:t>
                    </a:fld>
                    <a:endParaRPr lang="ja-JP" altLang="en-US" sz="1800" baseline="0">
                      <a:latin typeface="ＭＳ 明朝" panose="02020609040205080304" pitchFamily="17" charset="-128"/>
                      <a:ea typeface="ＭＳ 明朝" panose="02020609040205080304" pitchFamily="17" charset="-128"/>
                    </a:endParaRPr>
                  </a:p>
                </c:rich>
              </c:tx>
              <c:dLblPos val="bestFit"/>
              <c:showLegendKey val="0"/>
              <c:showVal val="0"/>
              <c:showCatName val="1"/>
              <c:showSerName val="0"/>
              <c:showPercent val="1"/>
              <c:showBubbleSize val="0"/>
              <c:extLst>
                <c:ext xmlns:c15="http://schemas.microsoft.com/office/drawing/2012/chart" uri="{CE6537A1-D6FC-4f65-9D91-7224C49458BB}">
                  <c15:layout>
                    <c:manualLayout>
                      <c:w val="0.17896142527638589"/>
                      <c:h val="0.15401589985581804"/>
                    </c:manualLayout>
                  </c15:layout>
                  <c15:dlblFieldTable/>
                  <c15:showDataLabelsRange val="0"/>
                </c:ext>
              </c:extLst>
            </c:dLbl>
            <c:dLbl>
              <c:idx val="4"/>
              <c:layout>
                <c:manualLayout>
                  <c:x val="-0.16262626262626262"/>
                  <c:y val="0.11936395551715805"/>
                </c:manualLayout>
              </c:layout>
              <c:tx>
                <c:rich>
                  <a:bodyPr/>
                  <a:lstStyle/>
                  <a:p>
                    <a:fld id="{B0D26276-CEB6-4C0F-95BF-B25C2B2F097A}" type="CATEGORYNAME">
                      <a:rPr lang="ja-JP" altLang="en-US" sz="1800">
                        <a:latin typeface="ＭＳ 明朝" panose="02020609040205080304" pitchFamily="17" charset="-128"/>
                        <a:ea typeface="ＭＳ 明朝" panose="02020609040205080304" pitchFamily="17" charset="-128"/>
                      </a:rPr>
                      <a:pPr/>
                      <a:t>[分類名]</a:t>
                    </a:fld>
                    <a:r>
                      <a:rPr lang="ja-JP" altLang="en-US" sz="1800" baseline="0">
                        <a:latin typeface="ＭＳ 明朝" panose="02020609040205080304" pitchFamily="17" charset="-128"/>
                        <a:ea typeface="ＭＳ 明朝" panose="02020609040205080304" pitchFamily="17" charset="-128"/>
                      </a:rPr>
                      <a:t>
</a:t>
                    </a:r>
                    <a:fld id="{249213BC-A873-4311-9BED-1B2EB13A45B8}" type="PERCENTAGE">
                      <a:rPr lang="en-US" altLang="ja-JP" sz="1800" baseline="0">
                        <a:latin typeface="ＭＳ 明朝" panose="02020609040205080304" pitchFamily="17" charset="-128"/>
                        <a:ea typeface="ＭＳ 明朝" panose="02020609040205080304" pitchFamily="17" charset="-128"/>
                      </a:rPr>
                      <a:pPr/>
                      <a:t>[パーセンテージ]</a:t>
                    </a:fld>
                    <a:endParaRPr lang="ja-JP" altLang="en-US" sz="1800" baseline="0">
                      <a:latin typeface="ＭＳ 明朝" panose="02020609040205080304" pitchFamily="17" charset="-128"/>
                      <a:ea typeface="ＭＳ 明朝" panose="02020609040205080304" pitchFamily="17" charset="-128"/>
                    </a:endParaRPr>
                  </a:p>
                </c:rich>
              </c:tx>
              <c:dLblPos val="bestFit"/>
              <c:showLegendKey val="0"/>
              <c:showVal val="0"/>
              <c:showCatName val="1"/>
              <c:showSerName val="0"/>
              <c:showPercent val="1"/>
              <c:showBubbleSize val="0"/>
              <c:extLst>
                <c:ext xmlns:c15="http://schemas.microsoft.com/office/drawing/2012/chart" uri="{CE6537A1-D6FC-4f65-9D91-7224C49458BB}">
                  <c15:layout>
                    <c:manualLayout>
                      <c:w val="0.22946647578143642"/>
                      <c:h val="0.14034068863482269"/>
                    </c:manualLayout>
                  </c15:layout>
                  <c15:dlblFieldTable/>
                  <c15:showDataLabelsRange val="0"/>
                </c:ext>
              </c:extLst>
            </c:dLbl>
            <c:dLbl>
              <c:idx val="5"/>
              <c:layout>
                <c:manualLayout>
                  <c:x val="-6.3636363636363588E-2"/>
                  <c:y val="-7.7334378598605466E-3"/>
                </c:manualLayout>
              </c:layout>
              <c:tx>
                <c:rich>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fld id="{5767CF2B-0DF4-444D-9FCD-94464925E094}" type="CATEGORYNAME">
                      <a:rPr lang="ja-JP" altLang="en-US" sz="1800">
                        <a:latin typeface="ＭＳ 明朝" panose="02020609040205080304" pitchFamily="17" charset="-128"/>
                        <a:ea typeface="ＭＳ 明朝" panose="02020609040205080304" pitchFamily="17" charset="-128"/>
                      </a:rPr>
                      <a:pPr>
                        <a:defRPr/>
                      </a:pPr>
                      <a:t>[分類名]</a:t>
                    </a:fld>
                    <a:r>
                      <a:rPr lang="ja-JP" altLang="en-US" sz="1800" baseline="0">
                        <a:latin typeface="ＭＳ 明朝" panose="02020609040205080304" pitchFamily="17" charset="-128"/>
                        <a:ea typeface="ＭＳ 明朝" panose="02020609040205080304" pitchFamily="17" charset="-128"/>
                      </a:rPr>
                      <a:t>
</a:t>
                    </a:r>
                    <a:fld id="{789AAAAA-ED68-47D6-96B8-4FB9491F7E92}" type="PERCENTAGE">
                      <a:rPr lang="en-US" altLang="ja-JP" sz="1800" baseline="0">
                        <a:latin typeface="ＭＳ 明朝" panose="02020609040205080304" pitchFamily="17" charset="-128"/>
                        <a:ea typeface="ＭＳ 明朝" panose="02020609040205080304" pitchFamily="17" charset="-128"/>
                      </a:rPr>
                      <a:pPr>
                        <a:defRPr/>
                      </a:pPr>
                      <a:t>[パーセンテージ]</a:t>
                    </a:fld>
                    <a:endParaRPr lang="ja-JP" altLang="en-US" sz="1800" baseline="0">
                      <a:latin typeface="ＭＳ 明朝" panose="02020609040205080304" pitchFamily="17" charset="-128"/>
                      <a:ea typeface="ＭＳ 明朝" panose="02020609040205080304" pitchFamily="17" charset="-128"/>
                    </a:endParaRPr>
                  </a:p>
                </c:rich>
              </c:tx>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no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layout>
                    <c:manualLayout>
                      <c:w val="0.21770046925952438"/>
                      <c:h val="0.13827899799825058"/>
                    </c:manualLayout>
                  </c15:layout>
                  <c15:dlblFieldTable/>
                  <c15:showDataLabelsRange val="0"/>
                </c:ext>
              </c:extLst>
            </c:dLbl>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outEnd"/>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2.男女別・年代別・看護職以外'!$C$10:$H$10</c:f>
              <c:strCache>
                <c:ptCount val="6"/>
                <c:pt idx="0">
                  <c:v>20歳代</c:v>
                </c:pt>
                <c:pt idx="1">
                  <c:v>30歳代</c:v>
                </c:pt>
                <c:pt idx="2">
                  <c:v>40歳代</c:v>
                </c:pt>
                <c:pt idx="3">
                  <c:v>50歳代</c:v>
                </c:pt>
                <c:pt idx="4">
                  <c:v>60歳代</c:v>
                </c:pt>
                <c:pt idx="5">
                  <c:v>70歳以上</c:v>
                </c:pt>
              </c:strCache>
            </c:strRef>
          </c:cat>
          <c:val>
            <c:numRef>
              <c:f>'2.男女別・年代別・看護職以外'!$C$12:$H$12</c:f>
              <c:numCache>
                <c:formatCode>0.0</c:formatCode>
                <c:ptCount val="6"/>
                <c:pt idx="0">
                  <c:v>4.7367155566241887</c:v>
                </c:pt>
                <c:pt idx="1">
                  <c:v>20.654003366193795</c:v>
                </c:pt>
                <c:pt idx="2">
                  <c:v>40.394325559028609</c:v>
                </c:pt>
                <c:pt idx="3">
                  <c:v>25.799471026689108</c:v>
                </c:pt>
                <c:pt idx="4">
                  <c:v>7.3815821110843949</c:v>
                </c:pt>
                <c:pt idx="5">
                  <c:v>1.033902380379899</c:v>
                </c:pt>
              </c:numCache>
            </c:numRef>
          </c:val>
        </c:ser>
        <c:dLbls>
          <c:showLegendKey val="0"/>
          <c:showVal val="0"/>
          <c:showCatName val="0"/>
          <c:showSerName val="0"/>
          <c:showPercent val="0"/>
          <c:showBubbleSize val="0"/>
          <c:showLeaderLines val="0"/>
        </c:dLbls>
        <c:firstSliceAng val="0"/>
      </c:pieChart>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paperSize="9" orientation="landscape"/>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00" b="0" i="0" u="none" strike="noStrike" kern="1200" spc="0" baseline="0">
                <a:solidFill>
                  <a:schemeClr val="tx1">
                    <a:lumMod val="65000"/>
                    <a:lumOff val="35000"/>
                  </a:schemeClr>
                </a:solidFill>
                <a:latin typeface="+mn-lt"/>
                <a:ea typeface="+mn-ea"/>
                <a:cs typeface="+mn-cs"/>
              </a:defRPr>
            </a:pPr>
            <a:r>
              <a:rPr lang="ja-JP" altLang="en-US" sz="1800"/>
              <a:t>使用の有無　</a:t>
            </a:r>
            <a:endParaRPr lang="en-US" altLang="ja-JP" sz="1800"/>
          </a:p>
        </c:rich>
      </c:tx>
      <c:layout/>
      <c:overlay val="0"/>
      <c:spPr>
        <a:noFill/>
        <a:ln>
          <a:noFill/>
        </a:ln>
        <a:effectLst/>
      </c:spPr>
      <c:txPr>
        <a:bodyPr rot="0" spcFirstLastPara="1" vertOverflow="ellipsis" vert="horz" wrap="square" anchor="ctr" anchorCtr="1"/>
        <a:lstStyle/>
        <a:p>
          <a:pPr>
            <a:defRPr sz="18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8080276089383379"/>
          <c:y val="0.44268222771082977"/>
          <c:w val="0.76349097814138733"/>
          <c:h val="0.28493269769598473"/>
        </c:manualLayout>
      </c:layout>
      <c:barChart>
        <c:barDir val="bar"/>
        <c:grouping val="percentStacked"/>
        <c:varyColors val="0"/>
        <c:ser>
          <c:idx val="0"/>
          <c:order val="0"/>
          <c:tx>
            <c:strRef>
              <c:f>'10.訪問看護チラシ'!$C$10</c:f>
              <c:strCache>
                <c:ptCount val="1"/>
                <c:pt idx="0">
                  <c:v>有り</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10.訪問看護チラシ'!$B$11</c:f>
              <c:strCache>
                <c:ptCount val="1"/>
                <c:pt idx="0">
                  <c:v>割合（％）</c:v>
                </c:pt>
              </c:strCache>
            </c:strRef>
          </c:cat>
          <c:val>
            <c:numRef>
              <c:f>'10.訪問看護チラシ'!$C$11</c:f>
              <c:numCache>
                <c:formatCode>0.0</c:formatCode>
                <c:ptCount val="1"/>
                <c:pt idx="0">
                  <c:v>15</c:v>
                </c:pt>
              </c:numCache>
            </c:numRef>
          </c:val>
        </c:ser>
        <c:ser>
          <c:idx val="1"/>
          <c:order val="1"/>
          <c:tx>
            <c:strRef>
              <c:f>'10.訪問看護チラシ'!$D$10</c:f>
              <c:strCache>
                <c:ptCount val="1"/>
                <c:pt idx="0">
                  <c:v>無し・不明</c:v>
                </c:pt>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10.訪問看護チラシ'!$B$11</c:f>
              <c:strCache>
                <c:ptCount val="1"/>
                <c:pt idx="0">
                  <c:v>割合（％）</c:v>
                </c:pt>
              </c:strCache>
            </c:strRef>
          </c:cat>
          <c:val>
            <c:numRef>
              <c:f>'10.訪問看護チラシ'!$D$11</c:f>
              <c:numCache>
                <c:formatCode>0.0</c:formatCode>
                <c:ptCount val="1"/>
                <c:pt idx="0">
                  <c:v>85</c:v>
                </c:pt>
              </c:numCache>
            </c:numRef>
          </c:val>
        </c:ser>
        <c:dLbls>
          <c:dLblPos val="ctr"/>
          <c:showLegendKey val="0"/>
          <c:showVal val="1"/>
          <c:showCatName val="0"/>
          <c:showSerName val="0"/>
          <c:showPercent val="0"/>
          <c:showBubbleSize val="0"/>
        </c:dLbls>
        <c:gapWidth val="150"/>
        <c:overlap val="100"/>
        <c:axId val="159733488"/>
        <c:axId val="159731528"/>
      </c:barChart>
      <c:catAx>
        <c:axId val="15973348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159731528"/>
        <c:crosses val="autoZero"/>
        <c:auto val="1"/>
        <c:lblAlgn val="ctr"/>
        <c:lblOffset val="100"/>
        <c:noMultiLvlLbl val="0"/>
      </c:catAx>
      <c:valAx>
        <c:axId val="159731528"/>
        <c:scaling>
          <c:orientation val="minMax"/>
        </c:scaling>
        <c:delete val="0"/>
        <c:axPos val="t"/>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159733488"/>
        <c:crossesAt val="1"/>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paperSize="9" orientation="landscape"/>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r>
              <a:rPr lang="ja-JP" altLang="en-US" sz="1600"/>
              <a:t>チラシの認知度</a:t>
            </a:r>
          </a:p>
        </c:rich>
      </c:tx>
      <c:layout/>
      <c:overlay val="0"/>
      <c:spPr>
        <a:noFill/>
        <a:ln>
          <a:noFill/>
        </a:ln>
        <a:effectLst/>
      </c:spPr>
      <c:txPr>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percentStacked"/>
        <c:varyColors val="0"/>
        <c:ser>
          <c:idx val="0"/>
          <c:order val="0"/>
          <c:tx>
            <c:strRef>
              <c:f>'10.訪問看護チラシ'!$C$4</c:f>
              <c:strCache>
                <c:ptCount val="1"/>
                <c:pt idx="0">
                  <c:v>知っている</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10.訪問看護チラシ'!$B$5:$B$7</c:f>
              <c:strCache>
                <c:ptCount val="3"/>
                <c:pt idx="0">
                  <c:v>ケアマネ向け</c:v>
                </c:pt>
                <c:pt idx="1">
                  <c:v>医療機関向け</c:v>
                </c:pt>
                <c:pt idx="2">
                  <c:v>一般向け</c:v>
                </c:pt>
              </c:strCache>
            </c:strRef>
          </c:cat>
          <c:val>
            <c:numRef>
              <c:f>'10.訪問看護チラシ'!$C$5:$C$7</c:f>
              <c:numCache>
                <c:formatCode>0.0</c:formatCode>
                <c:ptCount val="3"/>
                <c:pt idx="0">
                  <c:v>39.799999999999997</c:v>
                </c:pt>
                <c:pt idx="1">
                  <c:v>39</c:v>
                </c:pt>
                <c:pt idx="2">
                  <c:v>39</c:v>
                </c:pt>
              </c:numCache>
            </c:numRef>
          </c:val>
        </c:ser>
        <c:ser>
          <c:idx val="1"/>
          <c:order val="1"/>
          <c:tx>
            <c:strRef>
              <c:f>'10.訪問看護チラシ'!$D$4</c:f>
              <c:strCache>
                <c:ptCount val="1"/>
                <c:pt idx="0">
                  <c:v>知らない
・不明</c:v>
                </c:pt>
              </c:strCache>
            </c:strRef>
          </c:tx>
          <c:spPr>
            <a:solidFill>
              <a:schemeClr val="accent4"/>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10.訪問看護チラシ'!$B$5:$B$7</c:f>
              <c:strCache>
                <c:ptCount val="3"/>
                <c:pt idx="0">
                  <c:v>ケアマネ向け</c:v>
                </c:pt>
                <c:pt idx="1">
                  <c:v>医療機関向け</c:v>
                </c:pt>
                <c:pt idx="2">
                  <c:v>一般向け</c:v>
                </c:pt>
              </c:strCache>
            </c:strRef>
          </c:cat>
          <c:val>
            <c:numRef>
              <c:f>'10.訪問看護チラシ'!$D$5:$D$7</c:f>
              <c:numCache>
                <c:formatCode>0.0</c:formatCode>
                <c:ptCount val="3"/>
                <c:pt idx="0">
                  <c:v>60.2</c:v>
                </c:pt>
                <c:pt idx="1">
                  <c:v>61</c:v>
                </c:pt>
                <c:pt idx="2">
                  <c:v>61</c:v>
                </c:pt>
              </c:numCache>
            </c:numRef>
          </c:val>
        </c:ser>
        <c:dLbls>
          <c:dLblPos val="ctr"/>
          <c:showLegendKey val="0"/>
          <c:showVal val="1"/>
          <c:showCatName val="0"/>
          <c:showSerName val="0"/>
          <c:showPercent val="0"/>
          <c:showBubbleSize val="0"/>
        </c:dLbls>
        <c:gapWidth val="150"/>
        <c:overlap val="100"/>
        <c:axId val="409693968"/>
        <c:axId val="409693576"/>
      </c:barChart>
      <c:catAx>
        <c:axId val="40969396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409693576"/>
        <c:crosses val="autoZero"/>
        <c:auto val="1"/>
        <c:lblAlgn val="ctr"/>
        <c:lblOffset val="100"/>
        <c:noMultiLvlLbl val="0"/>
      </c:catAx>
      <c:valAx>
        <c:axId val="409693576"/>
        <c:scaling>
          <c:orientation val="minMax"/>
        </c:scaling>
        <c:delete val="0"/>
        <c:axPos val="t"/>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409693968"/>
        <c:crosses val="autoZero"/>
        <c:crossBetween val="between"/>
      </c:valAx>
      <c:spPr>
        <a:noFill/>
        <a:ln>
          <a:noFill/>
        </a:ln>
        <a:effectLst/>
      </c:spPr>
    </c:plotArea>
    <c:legend>
      <c:legendPos val="b"/>
      <c:layout>
        <c:manualLayout>
          <c:xMode val="edge"/>
          <c:yMode val="edge"/>
          <c:x val="0.22708681305681444"/>
          <c:y val="0.74327500972952143"/>
          <c:w val="0.61289760388470926"/>
          <c:h val="0.2137925526587898"/>
        </c:manualLayout>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_rels/drawing3.xml.rels><?xml version="1.0" encoding="UTF-8" standalone="yes"?>
<Relationships xmlns="http://schemas.openxmlformats.org/package/2006/relationships"><Relationship Id="rId1" Type="http://schemas.openxmlformats.org/officeDocument/2006/relationships/chart" Target="../charts/chart2.xml"/></Relationships>
</file>

<file path=xl/drawings/_rels/drawing7.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1</xdr:col>
      <xdr:colOff>285751</xdr:colOff>
      <xdr:row>3</xdr:row>
      <xdr:rowOff>127000</xdr:rowOff>
    </xdr:from>
    <xdr:to>
      <xdr:col>7</xdr:col>
      <xdr:colOff>1409700</xdr:colOff>
      <xdr:row>11</xdr:row>
      <xdr:rowOff>-1</xdr:rowOff>
    </xdr:to>
    <xdr:sp macro="" textlink="">
      <xdr:nvSpPr>
        <xdr:cNvPr id="4" name="メモ 3"/>
        <xdr:cNvSpPr/>
      </xdr:nvSpPr>
      <xdr:spPr>
        <a:xfrm>
          <a:off x="971551" y="2032000"/>
          <a:ext cx="14249399" cy="2463799"/>
        </a:xfrm>
        <a:prstGeom prst="foldedCorner">
          <a:avLst/>
        </a:prstGeom>
        <a:solidFill>
          <a:schemeClr val="bg1"/>
        </a:solidFill>
        <a:ln w="88900" cmpd="thinThick">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spcCol="180000" rtlCol="0" anchor="b" anchorCtr="0"/>
        <a:lstStyle/>
        <a:p>
          <a:pPr lvl="1" algn="l"/>
          <a:r>
            <a:rPr kumimoji="1" lang="ja-JP" altLang="en-US" sz="2400">
              <a:solidFill>
                <a:schemeClr val="tx1"/>
              </a:solidFill>
              <a:latin typeface="ＭＳ 明朝" panose="02020609040205080304" pitchFamily="17" charset="-128"/>
              <a:ea typeface="ＭＳ 明朝" panose="02020609040205080304" pitchFamily="17" charset="-128"/>
            </a:rPr>
            <a:t> 　訪問看護ステーションに従事する看護職員の離職状況について</a:t>
          </a:r>
          <a:endParaRPr kumimoji="1" lang="en-US" altLang="ja-JP" sz="2400">
            <a:solidFill>
              <a:schemeClr val="tx1"/>
            </a:solidFill>
            <a:latin typeface="ＭＳ 明朝" panose="02020609040205080304" pitchFamily="17" charset="-128"/>
            <a:ea typeface="ＭＳ 明朝" panose="02020609040205080304" pitchFamily="17" charset="-128"/>
          </a:endParaRPr>
        </a:p>
        <a:p>
          <a:pPr lvl="1" algn="l"/>
          <a:r>
            <a:rPr kumimoji="1" lang="ja-JP" altLang="en-US" sz="2400">
              <a:solidFill>
                <a:schemeClr val="tx1"/>
              </a:solidFill>
              <a:latin typeface="ＭＳ 明朝" panose="02020609040205080304" pitchFamily="17" charset="-128"/>
              <a:ea typeface="ＭＳ 明朝" panose="02020609040205080304" pitchFamily="17" charset="-128"/>
            </a:rPr>
            <a:t> 　・全看護職員（常勤及び非常勤）の離職率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9.1</a:t>
          </a:r>
          <a:r>
            <a:rPr kumimoji="1" lang="ja-JP" altLang="en-US" sz="2400">
              <a:solidFill>
                <a:schemeClr val="tx1"/>
              </a:solidFill>
              <a:latin typeface="ＭＳ 明朝" panose="02020609040205080304" pitchFamily="17" charset="-128"/>
              <a:ea typeface="ＭＳ 明朝" panose="02020609040205080304" pitchFamily="17" charset="-128"/>
            </a:rPr>
            <a:t>％、</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ja-JP" altLang="en-US" sz="2400">
              <a:solidFill>
                <a:schemeClr val="tx1"/>
              </a:solidFill>
              <a:latin typeface="ＭＳ 明朝" panose="02020609040205080304" pitchFamily="17" charset="-128"/>
              <a:ea typeface="ＭＳ 明朝" panose="02020609040205080304" pitchFamily="17" charset="-128"/>
            </a:rPr>
            <a:t>前年度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8.4</a:t>
          </a:r>
          <a:r>
            <a:rPr kumimoji="1" lang="ja-JP" altLang="en-US" sz="2400">
              <a:solidFill>
                <a:schemeClr val="tx1"/>
              </a:solidFill>
              <a:latin typeface="ＭＳ 明朝" panose="02020609040205080304" pitchFamily="17" charset="-128"/>
              <a:ea typeface="ＭＳ 明朝" panose="02020609040205080304" pitchFamily="17" charset="-128"/>
            </a:rPr>
            <a:t>％で </a:t>
          </a:r>
          <a:r>
            <a:rPr kumimoji="1" lang="en-US" altLang="ja-JP" sz="2400">
              <a:solidFill>
                <a:schemeClr val="tx1"/>
              </a:solidFill>
              <a:latin typeface="ＭＳ 明朝" panose="02020609040205080304" pitchFamily="17" charset="-128"/>
              <a:ea typeface="ＭＳ 明朝" panose="02020609040205080304" pitchFamily="17" charset="-128"/>
            </a:rPr>
            <a:t>0.7</a:t>
          </a:r>
          <a:r>
            <a:rPr kumimoji="1" lang="ja-JP" altLang="en-US" sz="2400">
              <a:solidFill>
                <a:schemeClr val="tx1"/>
              </a:solidFill>
              <a:latin typeface="ＭＳ 明朝" panose="02020609040205080304" pitchFamily="17" charset="-128"/>
              <a:ea typeface="ＭＳ 明朝" panose="02020609040205080304" pitchFamily="17" charset="-128"/>
            </a:rPr>
            <a:t>ポイント増</a:t>
          </a:r>
          <a:endParaRPr kumimoji="1" lang="en-US" altLang="ja-JP" sz="2400">
            <a:solidFill>
              <a:schemeClr val="tx1"/>
            </a:solidFill>
            <a:latin typeface="ＭＳ 明朝" panose="02020609040205080304" pitchFamily="17" charset="-128"/>
            <a:ea typeface="ＭＳ 明朝" panose="02020609040205080304" pitchFamily="17" charset="-128"/>
          </a:endParaRPr>
        </a:p>
        <a:p>
          <a:pPr lvl="1" algn="l"/>
          <a:r>
            <a:rPr kumimoji="1" lang="ja-JP" altLang="en-US" sz="2400">
              <a:solidFill>
                <a:schemeClr val="tx1"/>
              </a:solidFill>
              <a:latin typeface="ＭＳ 明朝" panose="02020609040205080304" pitchFamily="17" charset="-128"/>
              <a:ea typeface="ＭＳ 明朝" panose="02020609040205080304" pitchFamily="17" charset="-128"/>
            </a:rPr>
            <a:t>　</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ja-JP" altLang="en-US" sz="2400">
              <a:solidFill>
                <a:schemeClr val="tx1"/>
              </a:solidFill>
              <a:latin typeface="ＭＳ 明朝" panose="02020609040205080304" pitchFamily="17" charset="-128"/>
              <a:ea typeface="ＭＳ 明朝" panose="02020609040205080304" pitchFamily="17" charset="-128"/>
            </a:rPr>
            <a:t>・常勤看護職員の離職率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8.2</a:t>
          </a:r>
          <a:r>
            <a:rPr kumimoji="1" lang="ja-JP" altLang="en-US" sz="2400">
              <a:solidFill>
                <a:schemeClr val="tx1"/>
              </a:solidFill>
              <a:latin typeface="ＭＳ 明朝" panose="02020609040205080304" pitchFamily="17" charset="-128"/>
              <a:ea typeface="ＭＳ 明朝" panose="02020609040205080304" pitchFamily="17" charset="-128"/>
            </a:rPr>
            <a:t>％、　前年度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7.8</a:t>
          </a:r>
          <a:r>
            <a:rPr kumimoji="1" lang="ja-JP" altLang="en-US" sz="2400">
              <a:solidFill>
                <a:schemeClr val="tx1"/>
              </a:solidFill>
              <a:latin typeface="ＭＳ 明朝" panose="02020609040205080304" pitchFamily="17" charset="-128"/>
              <a:ea typeface="ＭＳ 明朝" panose="02020609040205080304" pitchFamily="17" charset="-128"/>
            </a:rPr>
            <a:t>％で </a:t>
          </a:r>
          <a:r>
            <a:rPr kumimoji="1" lang="en-US" altLang="ja-JP" sz="2400">
              <a:solidFill>
                <a:schemeClr val="tx1"/>
              </a:solidFill>
              <a:latin typeface="ＭＳ 明朝" panose="02020609040205080304" pitchFamily="17" charset="-128"/>
              <a:ea typeface="ＭＳ 明朝" panose="02020609040205080304" pitchFamily="17" charset="-128"/>
            </a:rPr>
            <a:t>0.4</a:t>
          </a:r>
          <a:r>
            <a:rPr kumimoji="1" lang="ja-JP" altLang="en-US" sz="2400">
              <a:solidFill>
                <a:schemeClr val="tx1"/>
              </a:solidFill>
              <a:latin typeface="ＭＳ 明朝" panose="02020609040205080304" pitchFamily="17" charset="-128"/>
              <a:ea typeface="ＭＳ 明朝" panose="02020609040205080304" pitchFamily="17" charset="-128"/>
            </a:rPr>
            <a:t>ポイント増</a:t>
          </a:r>
          <a:endParaRPr kumimoji="1" lang="en-US" altLang="ja-JP" sz="2400">
            <a:solidFill>
              <a:schemeClr val="tx1"/>
            </a:solidFill>
            <a:latin typeface="ＭＳ 明朝" panose="02020609040205080304" pitchFamily="17" charset="-128"/>
            <a:ea typeface="ＭＳ 明朝" panose="02020609040205080304" pitchFamily="17" charset="-128"/>
          </a:endParaRPr>
        </a:p>
        <a:p>
          <a:pPr lvl="1" algn="l"/>
          <a:r>
            <a:rPr kumimoji="1" lang="en-US" altLang="ja-JP" sz="2400" baseline="0">
              <a:solidFill>
                <a:schemeClr val="tx1"/>
              </a:solidFill>
              <a:latin typeface="ＭＳ 明朝" panose="02020609040205080304" pitchFamily="17" charset="-128"/>
              <a:ea typeface="ＭＳ 明朝" panose="02020609040205080304" pitchFamily="17" charset="-128"/>
            </a:rPr>
            <a:t>   </a:t>
          </a:r>
          <a:r>
            <a:rPr kumimoji="1" lang="ja-JP" altLang="en-US" sz="2400">
              <a:solidFill>
                <a:schemeClr val="tx1"/>
              </a:solidFill>
              <a:latin typeface="ＭＳ 明朝" panose="02020609040205080304" pitchFamily="17" charset="-128"/>
              <a:ea typeface="ＭＳ 明朝" panose="02020609040205080304" pitchFamily="17" charset="-128"/>
            </a:rPr>
            <a:t>・非常勤看護職員の離職率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20.4</a:t>
          </a:r>
          <a:r>
            <a:rPr kumimoji="1" lang="ja-JP" altLang="en-US" sz="2400">
              <a:solidFill>
                <a:schemeClr val="tx1"/>
              </a:solidFill>
              <a:latin typeface="ＭＳ 明朝" panose="02020609040205080304" pitchFamily="17" charset="-128"/>
              <a:ea typeface="ＭＳ 明朝" panose="02020609040205080304" pitchFamily="17" charset="-128"/>
            </a:rPr>
            <a:t>％、 前年度は</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9.3</a:t>
          </a:r>
          <a:r>
            <a:rPr kumimoji="1" lang="ja-JP" altLang="en-US" sz="2400">
              <a:solidFill>
                <a:schemeClr val="tx1"/>
              </a:solidFill>
              <a:latin typeface="ＭＳ 明朝" panose="02020609040205080304" pitchFamily="17" charset="-128"/>
              <a:ea typeface="ＭＳ 明朝" panose="02020609040205080304" pitchFamily="17" charset="-128"/>
            </a:rPr>
            <a:t>％で</a:t>
          </a:r>
          <a:r>
            <a:rPr kumimoji="1" lang="ja-JP" altLang="en-US" sz="2400" baseline="0">
              <a:solidFill>
                <a:schemeClr val="tx1"/>
              </a:solidFill>
              <a:latin typeface="ＭＳ 明朝" panose="02020609040205080304" pitchFamily="17" charset="-128"/>
              <a:ea typeface="ＭＳ 明朝" panose="02020609040205080304" pitchFamily="17" charset="-128"/>
            </a:rPr>
            <a:t> </a:t>
          </a:r>
          <a:r>
            <a:rPr kumimoji="1" lang="en-US" altLang="ja-JP" sz="2400">
              <a:solidFill>
                <a:schemeClr val="tx1"/>
              </a:solidFill>
              <a:latin typeface="ＭＳ 明朝" panose="02020609040205080304" pitchFamily="17" charset="-128"/>
              <a:ea typeface="ＭＳ 明朝" panose="02020609040205080304" pitchFamily="17" charset="-128"/>
            </a:rPr>
            <a:t>1.1</a:t>
          </a:r>
          <a:r>
            <a:rPr kumimoji="1" lang="ja-JP" altLang="en-US" sz="2400">
              <a:solidFill>
                <a:schemeClr val="tx1"/>
              </a:solidFill>
              <a:latin typeface="ＭＳ 明朝" panose="02020609040205080304" pitchFamily="17" charset="-128"/>
              <a:ea typeface="ＭＳ 明朝" panose="02020609040205080304" pitchFamily="17" charset="-128"/>
            </a:rPr>
            <a:t>ポイント増　　  </a:t>
          </a:r>
        </a:p>
      </xdr:txBody>
    </xdr:sp>
    <xdr:clientData/>
  </xdr:twoCellAnchor>
  <xdr:twoCellAnchor>
    <xdr:from>
      <xdr:col>1</xdr:col>
      <xdr:colOff>279400</xdr:colOff>
      <xdr:row>1</xdr:row>
      <xdr:rowOff>479425</xdr:rowOff>
    </xdr:from>
    <xdr:to>
      <xdr:col>3</xdr:col>
      <xdr:colOff>1047750</xdr:colOff>
      <xdr:row>3</xdr:row>
      <xdr:rowOff>0</xdr:rowOff>
    </xdr:to>
    <xdr:sp macro="" textlink="">
      <xdr:nvSpPr>
        <xdr:cNvPr id="5" name="正方形/長方形 4"/>
        <xdr:cNvSpPr/>
      </xdr:nvSpPr>
      <xdr:spPr>
        <a:xfrm>
          <a:off x="279400" y="1241425"/>
          <a:ext cx="5187950" cy="663575"/>
        </a:xfrm>
        <a:prstGeom prst="rect">
          <a:avLst/>
        </a:prstGeom>
        <a:solidFill>
          <a:schemeClr val="bg1"/>
        </a:solidFill>
        <a:ln w="31750">
          <a:solidFill>
            <a:sysClr val="windowText" lastClr="000000"/>
          </a:solid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chemeClr val="tx1"/>
              </a:solidFill>
              <a:latin typeface="ＭＳ 明朝" panose="02020609040205080304" pitchFamily="17" charset="-128"/>
              <a:ea typeface="ＭＳ 明朝" panose="02020609040205080304" pitchFamily="17" charset="-128"/>
            </a:rPr>
            <a:t>令和元（</a:t>
          </a:r>
          <a:r>
            <a:rPr kumimoji="1" lang="en-US" altLang="ja-JP" sz="2400" b="1">
              <a:solidFill>
                <a:schemeClr val="tx1"/>
              </a:solidFill>
              <a:latin typeface="ＭＳ 明朝" panose="02020609040205080304" pitchFamily="17" charset="-128"/>
              <a:ea typeface="ＭＳ 明朝" panose="02020609040205080304" pitchFamily="17" charset="-128"/>
            </a:rPr>
            <a:t>2019</a:t>
          </a:r>
          <a:r>
            <a:rPr kumimoji="1" lang="ja-JP" altLang="en-US" sz="2400" b="1">
              <a:solidFill>
                <a:schemeClr val="tx1"/>
              </a:solidFill>
              <a:latin typeface="ＭＳ 明朝" panose="02020609040205080304" pitchFamily="17" charset="-128"/>
              <a:ea typeface="ＭＳ 明朝" panose="02020609040205080304" pitchFamily="17" charset="-128"/>
            </a:rPr>
            <a:t>）年度　結果概要</a:t>
          </a:r>
        </a:p>
      </xdr:txBody>
    </xdr:sp>
    <xdr:clientData/>
  </xdr:twoCellAnchor>
  <xdr:twoCellAnchor>
    <xdr:from>
      <xdr:col>4</xdr:col>
      <xdr:colOff>1714500</xdr:colOff>
      <xdr:row>57</xdr:row>
      <xdr:rowOff>79375</xdr:rowOff>
    </xdr:from>
    <xdr:to>
      <xdr:col>7</xdr:col>
      <xdr:colOff>1079500</xdr:colOff>
      <xdr:row>65</xdr:row>
      <xdr:rowOff>0</xdr:rowOff>
    </xdr:to>
    <xdr:graphicFrame macro="">
      <xdr:nvGraphicFramePr>
        <xdr:cNvPr id="2" name="グラフ 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xml><?xml version="1.0" encoding="utf-8"?>
<xdr:wsDr xmlns:xdr="http://schemas.openxmlformats.org/drawingml/2006/spreadsheetDrawing" xmlns:a="http://schemas.openxmlformats.org/drawingml/2006/main">
  <xdr:twoCellAnchor>
    <xdr:from>
      <xdr:col>3</xdr:col>
      <xdr:colOff>195038</xdr:colOff>
      <xdr:row>0</xdr:row>
      <xdr:rowOff>568777</xdr:rowOff>
    </xdr:from>
    <xdr:to>
      <xdr:col>7</xdr:col>
      <xdr:colOff>884465</xdr:colOff>
      <xdr:row>2</xdr:row>
      <xdr:rowOff>459920</xdr:rowOff>
    </xdr:to>
    <xdr:sp macro="" textlink="">
      <xdr:nvSpPr>
        <xdr:cNvPr id="4" name="テキスト ボックス 3"/>
        <xdr:cNvSpPr txBox="1"/>
      </xdr:nvSpPr>
      <xdr:spPr>
        <a:xfrm>
          <a:off x="4081238" y="568777"/>
          <a:ext cx="7090227" cy="1034143"/>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2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200" b="0" i="0" u="none" strike="noStrike">
              <a:solidFill>
                <a:srgbClr val="000000"/>
              </a:solidFill>
              <a:effectLst/>
              <a:latin typeface="ＭＳ 明朝" panose="02020609040205080304" pitchFamily="17" charset="-128"/>
              <a:ea typeface="ＭＳ 明朝" panose="02020609040205080304" pitchFamily="17" charset="-128"/>
            </a:rPr>
            <a:t>　</a:t>
          </a:r>
          <a:r>
            <a:rPr lang="ja-JP" altLang="en-US" sz="1200">
              <a:latin typeface="ＭＳ 明朝" panose="02020609040205080304" pitchFamily="17" charset="-128"/>
              <a:ea typeface="ＭＳ 明朝" panose="02020609040205080304" pitchFamily="17" charset="-128"/>
            </a:rPr>
            <a:t>　　　　　　　　　　　　　　　　　　　</a:t>
          </a:r>
          <a:r>
            <a:rPr lang="ja-JP" altLang="en-US" sz="1800" b="0" i="0" u="none" strike="noStrike">
              <a:solidFill>
                <a:srgbClr val="000000"/>
              </a:solidFill>
              <a:effectLst/>
              <a:latin typeface="ＭＳ 明朝" panose="02020609040205080304" pitchFamily="17" charset="-128"/>
              <a:ea typeface="ＭＳ 明朝" panose="02020609040205080304" pitchFamily="17" charset="-128"/>
            </a:rPr>
            <a:t>退職者数（ｃ）</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a:t>
          </a:r>
          <a:r>
            <a:rPr lang="en-US" altLang="ja-JP" sz="1800" b="0" i="0" u="none" strike="noStrike">
              <a:solidFill>
                <a:schemeClr val="tx1"/>
              </a:solidFill>
              <a:effectLst/>
              <a:latin typeface="ＭＳ 明朝" panose="02020609040205080304" pitchFamily="17" charset="-128"/>
              <a:ea typeface="ＭＳ 明朝" panose="02020609040205080304" pitchFamily="17" charset="-128"/>
            </a:rPr>
            <a:t>H31.4.1</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a:t>
          </a:r>
          <a:r>
            <a:rPr lang="en-US" altLang="ja-JP" sz="1800" b="0" i="0" u="none" strike="noStrike">
              <a:solidFill>
                <a:schemeClr val="tx1"/>
              </a:solidFill>
              <a:effectLst/>
              <a:latin typeface="ＭＳ 明朝" panose="02020609040205080304" pitchFamily="17" charset="-128"/>
              <a:ea typeface="ＭＳ 明朝" panose="02020609040205080304" pitchFamily="17" charset="-128"/>
            </a:rPr>
            <a:t>R2.3.31</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の退職者数</a:t>
          </a:r>
          <a:endParaRPr lang="en-US" altLang="ja-JP" sz="1800" b="0" i="0" u="none" strike="noStrike">
            <a:solidFill>
              <a:schemeClr val="tx1"/>
            </a:solidFill>
            <a:effectLst/>
            <a:latin typeface="ＭＳ 明朝" panose="02020609040205080304" pitchFamily="17" charset="-128"/>
            <a:ea typeface="ＭＳ 明朝" panose="02020609040205080304" pitchFamily="17" charset="-128"/>
          </a:endParaRPr>
        </a:p>
        <a:p>
          <a:r>
            <a:rPr lang="ja-JP" altLang="ja-JP" sz="1800" b="0" i="0">
              <a:solidFill>
                <a:schemeClr val="dk1"/>
              </a:solidFill>
              <a:effectLst/>
              <a:latin typeface="ＭＳ 明朝" panose="02020609040205080304" pitchFamily="17" charset="-128"/>
              <a:ea typeface="ＭＳ 明朝" panose="02020609040205080304" pitchFamily="17" charset="-128"/>
              <a:cs typeface="+mn-cs"/>
            </a:rPr>
            <a:t>看護職員離職率（％）＝</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ｃ</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ａ＋ｂ）</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2</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100</a:t>
          </a:r>
          <a:r>
            <a:rPr lang="ja-JP" altLang="en-US" sz="1800">
              <a:solidFill>
                <a:schemeClr val="tx1"/>
              </a:solidFill>
              <a:latin typeface="ＭＳ 明朝" panose="02020609040205080304" pitchFamily="17" charset="-128"/>
              <a:ea typeface="ＭＳ 明朝" panose="02020609040205080304" pitchFamily="17" charset="-128"/>
            </a:rPr>
            <a:t>　</a:t>
          </a:r>
          <a:r>
            <a:rPr lang="ja-JP" altLang="en-US" sz="1200">
              <a:solidFill>
                <a:schemeClr val="tx1"/>
              </a:solidFill>
              <a:latin typeface="ＭＳ 明朝" panose="02020609040205080304" pitchFamily="17" charset="-128"/>
              <a:ea typeface="ＭＳ 明朝" panose="02020609040205080304" pitchFamily="17" charset="-128"/>
            </a:rPr>
            <a:t>　　　　　　　　　　　　　　　　　　　　　　　　　　　　</a:t>
          </a:r>
          <a:endParaRPr kumimoji="1" lang="ja-JP" altLang="en-US" sz="1200">
            <a:latin typeface="ＭＳ 明朝" panose="02020609040205080304" pitchFamily="17" charset="-128"/>
            <a:ea typeface="ＭＳ 明朝" panose="02020609040205080304" pitchFamily="17" charset="-128"/>
          </a:endParaRPr>
        </a:p>
      </xdr:txBody>
    </xdr:sp>
    <xdr:clientData/>
  </xdr:twoCellAnchor>
  <xdr:twoCellAnchor>
    <xdr:from>
      <xdr:col>3</xdr:col>
      <xdr:colOff>342900</xdr:colOff>
      <xdr:row>19</xdr:row>
      <xdr:rowOff>114300</xdr:rowOff>
    </xdr:from>
    <xdr:to>
      <xdr:col>7</xdr:col>
      <xdr:colOff>1032327</xdr:colOff>
      <xdr:row>20</xdr:row>
      <xdr:rowOff>495299</xdr:rowOff>
    </xdr:to>
    <xdr:sp macro="" textlink="">
      <xdr:nvSpPr>
        <xdr:cNvPr id="5" name="テキスト ボックス 4"/>
        <xdr:cNvSpPr txBox="1"/>
      </xdr:nvSpPr>
      <xdr:spPr>
        <a:xfrm>
          <a:off x="4514850" y="11029950"/>
          <a:ext cx="7090227" cy="95249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2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200" b="0" i="0" u="none" strike="noStrike">
              <a:solidFill>
                <a:srgbClr val="000000"/>
              </a:solidFill>
              <a:effectLst/>
              <a:latin typeface="ＭＳ 明朝" panose="02020609040205080304" pitchFamily="17" charset="-128"/>
              <a:ea typeface="ＭＳ 明朝" panose="02020609040205080304" pitchFamily="17" charset="-128"/>
            </a:rPr>
            <a:t>　</a:t>
          </a:r>
          <a:r>
            <a:rPr lang="ja-JP" altLang="en-US" sz="1200">
              <a:latin typeface="ＭＳ 明朝" panose="02020609040205080304" pitchFamily="17" charset="-128"/>
              <a:ea typeface="ＭＳ 明朝" panose="02020609040205080304" pitchFamily="17" charset="-128"/>
            </a:rPr>
            <a:t>　　　　　　　　　　　　　　　　　　　</a:t>
          </a:r>
          <a:r>
            <a:rPr lang="ja-JP" altLang="en-US" sz="1800" b="0" i="0" u="none" strike="noStrike">
              <a:solidFill>
                <a:srgbClr val="000000"/>
              </a:solidFill>
              <a:effectLst/>
              <a:latin typeface="ＭＳ 明朝" panose="02020609040205080304" pitchFamily="17" charset="-128"/>
              <a:ea typeface="ＭＳ 明朝" panose="02020609040205080304" pitchFamily="17" charset="-128"/>
            </a:rPr>
            <a:t>退職者数（ｃ）</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a:t>
          </a:r>
          <a:r>
            <a:rPr lang="en-US" altLang="ja-JP" sz="1800" b="0" i="0" u="none" strike="noStrike">
              <a:solidFill>
                <a:schemeClr val="tx1"/>
              </a:solidFill>
              <a:effectLst/>
              <a:latin typeface="ＭＳ 明朝" panose="02020609040205080304" pitchFamily="17" charset="-128"/>
              <a:ea typeface="ＭＳ 明朝" panose="02020609040205080304" pitchFamily="17" charset="-128"/>
            </a:rPr>
            <a:t>H31.4.1</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a:t>
          </a:r>
          <a:r>
            <a:rPr lang="en-US" altLang="ja-JP" sz="1800" b="0" i="0" u="none" strike="noStrike">
              <a:solidFill>
                <a:schemeClr val="tx1"/>
              </a:solidFill>
              <a:effectLst/>
              <a:latin typeface="ＭＳ 明朝" panose="02020609040205080304" pitchFamily="17" charset="-128"/>
              <a:ea typeface="ＭＳ 明朝" panose="02020609040205080304" pitchFamily="17" charset="-128"/>
            </a:rPr>
            <a:t>R2.3.31</a:t>
          </a:r>
          <a:r>
            <a:rPr lang="ja-JP" altLang="en-US" sz="1800" b="0" i="0" u="none" strike="noStrike">
              <a:solidFill>
                <a:schemeClr val="tx1"/>
              </a:solidFill>
              <a:effectLst/>
              <a:latin typeface="ＭＳ 明朝" panose="02020609040205080304" pitchFamily="17" charset="-128"/>
              <a:ea typeface="ＭＳ 明朝" panose="02020609040205080304" pitchFamily="17" charset="-128"/>
            </a:rPr>
            <a:t>の退職者数</a:t>
          </a:r>
          <a:endParaRPr lang="en-US" altLang="ja-JP" sz="1800" b="0" i="0" u="none" strike="noStrike">
            <a:solidFill>
              <a:schemeClr val="tx1"/>
            </a:solidFill>
            <a:effectLst/>
            <a:latin typeface="ＭＳ 明朝" panose="02020609040205080304" pitchFamily="17" charset="-128"/>
            <a:ea typeface="ＭＳ 明朝" panose="02020609040205080304" pitchFamily="17" charset="-128"/>
          </a:endParaRPr>
        </a:p>
        <a:p>
          <a:r>
            <a:rPr lang="ja-JP" altLang="ja-JP" sz="1800" b="0" i="0">
              <a:solidFill>
                <a:schemeClr val="dk1"/>
              </a:solidFill>
              <a:effectLst/>
              <a:latin typeface="ＭＳ 明朝" panose="02020609040205080304" pitchFamily="17" charset="-128"/>
              <a:ea typeface="ＭＳ 明朝" panose="02020609040205080304" pitchFamily="17" charset="-128"/>
              <a:cs typeface="+mn-cs"/>
            </a:rPr>
            <a:t>看護職員離職率（％）＝</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ｃ</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ａ＋ｂ）</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2</a:t>
          </a:r>
          <a:r>
            <a:rPr lang="ja-JP" altLang="en-US" sz="1800" b="0" i="0">
              <a:solidFill>
                <a:schemeClr val="dk1"/>
              </a:solidFill>
              <a:effectLst/>
              <a:latin typeface="ＭＳ 明朝" panose="02020609040205080304" pitchFamily="17" charset="-128"/>
              <a:ea typeface="ＭＳ 明朝" panose="02020609040205080304" pitchFamily="17" charset="-128"/>
              <a:cs typeface="+mn-cs"/>
            </a:rPr>
            <a:t>＊</a:t>
          </a:r>
          <a:r>
            <a:rPr lang="en-US" altLang="ja-JP" sz="1800" b="0" i="0">
              <a:solidFill>
                <a:schemeClr val="dk1"/>
              </a:solidFill>
              <a:effectLst/>
              <a:latin typeface="ＭＳ 明朝" panose="02020609040205080304" pitchFamily="17" charset="-128"/>
              <a:ea typeface="ＭＳ 明朝" panose="02020609040205080304" pitchFamily="17" charset="-128"/>
              <a:cs typeface="+mn-cs"/>
            </a:rPr>
            <a:t>100</a:t>
          </a:r>
          <a:r>
            <a:rPr lang="ja-JP" altLang="en-US" sz="1800">
              <a:solidFill>
                <a:schemeClr val="tx1"/>
              </a:solidFill>
              <a:latin typeface="ＭＳ 明朝" panose="02020609040205080304" pitchFamily="17" charset="-128"/>
              <a:ea typeface="ＭＳ 明朝" panose="02020609040205080304" pitchFamily="17" charset="-128"/>
            </a:rPr>
            <a:t>　</a:t>
          </a:r>
          <a:r>
            <a:rPr lang="ja-JP" altLang="en-US" sz="1200">
              <a:solidFill>
                <a:schemeClr val="tx1"/>
              </a:solidFill>
              <a:latin typeface="ＭＳ 明朝" panose="02020609040205080304" pitchFamily="17" charset="-128"/>
              <a:ea typeface="ＭＳ 明朝" panose="02020609040205080304" pitchFamily="17" charset="-128"/>
            </a:rPr>
            <a:t>　　　　　　　　　　　　　　　　　　　　　　　　　　　　</a:t>
          </a:r>
          <a:endParaRPr kumimoji="1" lang="ja-JP" altLang="en-US" sz="1200">
            <a:latin typeface="ＭＳ 明朝" panose="02020609040205080304" pitchFamily="17" charset="-128"/>
            <a:ea typeface="ＭＳ 明朝" panose="02020609040205080304" pitchFamily="17"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404811</xdr:colOff>
      <xdr:row>17</xdr:row>
      <xdr:rowOff>317499</xdr:rowOff>
    </xdr:from>
    <xdr:to>
      <xdr:col>6</xdr:col>
      <xdr:colOff>666750</xdr:colOff>
      <xdr:row>19</xdr:row>
      <xdr:rowOff>95250</xdr:rowOff>
    </xdr:to>
    <xdr:sp macro="" textlink="">
      <xdr:nvSpPr>
        <xdr:cNvPr id="2" name="正方形/長方形 1"/>
        <xdr:cNvSpPr/>
      </xdr:nvSpPr>
      <xdr:spPr>
        <a:xfrm>
          <a:off x="8453436" y="10032999"/>
          <a:ext cx="261939" cy="920751"/>
        </a:xfrm>
        <a:prstGeom prst="rect">
          <a:avLst/>
        </a:prstGeom>
        <a:pattFill prst="ltDn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1206500</xdr:colOff>
      <xdr:row>18</xdr:row>
      <xdr:rowOff>238125</xdr:rowOff>
    </xdr:from>
    <xdr:to>
      <xdr:col>4</xdr:col>
      <xdr:colOff>206375</xdr:colOff>
      <xdr:row>19</xdr:row>
      <xdr:rowOff>476250</xdr:rowOff>
    </xdr:to>
    <xdr:sp macro="" textlink="">
      <xdr:nvSpPr>
        <xdr:cNvPr id="3" name="下矢印 2"/>
        <xdr:cNvSpPr/>
      </xdr:nvSpPr>
      <xdr:spPr>
        <a:xfrm>
          <a:off x="4762500" y="9096375"/>
          <a:ext cx="396875" cy="539750"/>
        </a:xfrm>
        <a:prstGeom prst="downArrow">
          <a:avLst/>
        </a:prstGeom>
        <a:pattFill prst="ltDn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1301753</xdr:colOff>
      <xdr:row>18</xdr:row>
      <xdr:rowOff>196850</xdr:rowOff>
    </xdr:from>
    <xdr:to>
      <xdr:col>6</xdr:col>
      <xdr:colOff>666756</xdr:colOff>
      <xdr:row>19</xdr:row>
      <xdr:rowOff>95250</xdr:rowOff>
    </xdr:to>
    <xdr:sp macro="" textlink="">
      <xdr:nvSpPr>
        <xdr:cNvPr id="5" name="正方形/長方形 4"/>
        <xdr:cNvSpPr/>
      </xdr:nvSpPr>
      <xdr:spPr>
        <a:xfrm rot="16200000">
          <a:off x="6488117" y="7424736"/>
          <a:ext cx="200025" cy="3460753"/>
        </a:xfrm>
        <a:prstGeom prst="rect">
          <a:avLst/>
        </a:prstGeom>
        <a:pattFill prst="ltDn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682625</xdr:colOff>
      <xdr:row>7</xdr:row>
      <xdr:rowOff>381000</xdr:rowOff>
    </xdr:from>
    <xdr:to>
      <xdr:col>14</xdr:col>
      <xdr:colOff>857249</xdr:colOff>
      <xdr:row>17</xdr:row>
      <xdr:rowOff>444500</xdr:rowOff>
    </xdr:to>
    <xdr:graphicFrame macro="">
      <xdr:nvGraphicFramePr>
        <xdr:cNvPr id="6"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4.xml><?xml version="1.0" encoding="utf-8"?>
<xdr:wsDr xmlns:xdr="http://schemas.openxmlformats.org/drawingml/2006/spreadsheetDrawing" xmlns:a="http://schemas.openxmlformats.org/drawingml/2006/main">
  <xdr:twoCellAnchor>
    <xdr:from>
      <xdr:col>9</xdr:col>
      <xdr:colOff>68037</xdr:colOff>
      <xdr:row>20</xdr:row>
      <xdr:rowOff>0</xdr:rowOff>
    </xdr:from>
    <xdr:to>
      <xdr:col>9</xdr:col>
      <xdr:colOff>369095</xdr:colOff>
      <xdr:row>20</xdr:row>
      <xdr:rowOff>435429</xdr:rowOff>
    </xdr:to>
    <xdr:sp macro="" textlink="">
      <xdr:nvSpPr>
        <xdr:cNvPr id="2" name="正方形/長方形 1"/>
        <xdr:cNvSpPr/>
      </xdr:nvSpPr>
      <xdr:spPr>
        <a:xfrm>
          <a:off x="11974287" y="11157857"/>
          <a:ext cx="301058" cy="435429"/>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879361</xdr:colOff>
      <xdr:row>20</xdr:row>
      <xdr:rowOff>175196</xdr:rowOff>
    </xdr:from>
    <xdr:to>
      <xdr:col>9</xdr:col>
      <xdr:colOff>367390</xdr:colOff>
      <xdr:row>21</xdr:row>
      <xdr:rowOff>68038</xdr:rowOff>
    </xdr:to>
    <xdr:sp macro="" textlink="">
      <xdr:nvSpPr>
        <xdr:cNvPr id="3" name="正方形/長方形 2"/>
        <xdr:cNvSpPr/>
      </xdr:nvSpPr>
      <xdr:spPr>
        <a:xfrm rot="5400000">
          <a:off x="8487455" y="7072317"/>
          <a:ext cx="246627" cy="8468743"/>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781468</xdr:colOff>
      <xdr:row>20</xdr:row>
      <xdr:rowOff>272143</xdr:rowOff>
    </xdr:from>
    <xdr:to>
      <xdr:col>3</xdr:col>
      <xdr:colOff>1292678</xdr:colOff>
      <xdr:row>21</xdr:row>
      <xdr:rowOff>462643</xdr:rowOff>
    </xdr:to>
    <xdr:sp macro="" textlink="">
      <xdr:nvSpPr>
        <xdr:cNvPr id="4" name="下矢印 3"/>
        <xdr:cNvSpPr/>
      </xdr:nvSpPr>
      <xdr:spPr>
        <a:xfrm>
          <a:off x="4196861" y="11430000"/>
          <a:ext cx="511210" cy="544286"/>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xdr:nvSpPr>
        <xdr:cNvPr id="2" name="下矢印 1"/>
        <xdr:cNvSpPr/>
      </xdr:nvSpPr>
      <xdr:spPr>
        <a:xfrm>
          <a:off x="1415143" y="7470321"/>
          <a:ext cx="435428"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xdr:nvSpPr>
        <xdr:cNvPr id="2" name="下矢印 1"/>
        <xdr:cNvSpPr/>
      </xdr:nvSpPr>
      <xdr:spPr>
        <a:xfrm>
          <a:off x="647700" y="4238625"/>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xdr:nvSpPr>
        <xdr:cNvPr id="3" name="正方形/長方形 2"/>
        <xdr:cNvSpPr/>
      </xdr:nvSpPr>
      <xdr:spPr>
        <a:xfrm>
          <a:off x="714375" y="4507057"/>
          <a:ext cx="1498023" cy="126422"/>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xdr:nvSpPr>
        <xdr:cNvPr id="4" name="正方形/長方形 3"/>
        <xdr:cNvSpPr/>
      </xdr:nvSpPr>
      <xdr:spPr>
        <a:xfrm>
          <a:off x="2212398" y="4277591"/>
          <a:ext cx="133350" cy="364547"/>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5</xdr:col>
      <xdr:colOff>1816</xdr:colOff>
      <xdr:row>8</xdr:row>
      <xdr:rowOff>547234</xdr:rowOff>
    </xdr:from>
    <xdr:to>
      <xdr:col>9</xdr:col>
      <xdr:colOff>19050</xdr:colOff>
      <xdr:row>12</xdr:row>
      <xdr:rowOff>122463</xdr:rowOff>
    </xdr:to>
    <xdr:graphicFrame macro="">
      <xdr:nvGraphicFramePr>
        <xdr:cNvPr id="5" name="グラフ 4"/>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1395188</xdr:colOff>
      <xdr:row>1</xdr:row>
      <xdr:rowOff>503464</xdr:rowOff>
    </xdr:from>
    <xdr:to>
      <xdr:col>9</xdr:col>
      <xdr:colOff>1</xdr:colOff>
      <xdr:row>8</xdr:row>
      <xdr:rowOff>76200</xdr:rowOff>
    </xdr:to>
    <xdr:graphicFrame macro="">
      <xdr:nvGraphicFramePr>
        <xdr:cNvPr id="6" name="グラフ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612321</xdr:colOff>
      <xdr:row>10</xdr:row>
      <xdr:rowOff>449036</xdr:rowOff>
    </xdr:from>
    <xdr:to>
      <xdr:col>2</xdr:col>
      <xdr:colOff>1034142</xdr:colOff>
      <xdr:row>12</xdr:row>
      <xdr:rowOff>13607</xdr:rowOff>
    </xdr:to>
    <xdr:sp macro="" textlink="">
      <xdr:nvSpPr>
        <xdr:cNvPr id="4" name="下矢印 3"/>
        <xdr:cNvSpPr/>
      </xdr:nvSpPr>
      <xdr:spPr>
        <a:xfrm>
          <a:off x="2979964" y="5932715"/>
          <a:ext cx="421821" cy="707571"/>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L66"/>
  <sheetViews>
    <sheetView tabSelected="1" view="pageBreakPreview" zoomScale="50" zoomScaleNormal="50" zoomScaleSheetLayoutView="50" workbookViewId="0">
      <selection activeCell="G4" sqref="G4"/>
    </sheetView>
  </sheetViews>
  <sheetFormatPr defaultColWidth="9" defaultRowHeight="28.5"/>
  <cols>
    <col min="1" max="1" width="9" style="158"/>
    <col min="2" max="2" width="37.5" style="158" customWidth="1"/>
    <col min="3" max="4" width="25.625" style="158" customWidth="1"/>
    <col min="5" max="5" width="22.75" style="158" customWidth="1"/>
    <col min="6" max="6" width="37.5" style="158" customWidth="1"/>
    <col min="7" max="8" width="25.625" style="158" customWidth="1"/>
    <col min="9" max="9" width="8.75" style="158" customWidth="1"/>
    <col min="10" max="10" width="9" style="158"/>
    <col min="11" max="11" width="8.625" style="158" customWidth="1"/>
    <col min="12" max="12" width="10.75" style="158" customWidth="1"/>
    <col min="13" max="16384" width="9" style="158"/>
  </cols>
  <sheetData>
    <row r="1" spans="1:12" ht="60" customHeight="1">
      <c r="B1" s="574" t="s">
        <v>582</v>
      </c>
      <c r="C1" s="574"/>
      <c r="D1" s="574"/>
      <c r="E1" s="574"/>
      <c r="F1" s="574"/>
      <c r="G1" s="574"/>
      <c r="H1" s="574"/>
      <c r="I1" s="192"/>
      <c r="J1" s="192"/>
      <c r="K1" s="159"/>
      <c r="L1" s="159"/>
    </row>
    <row r="2" spans="1:12" ht="45" customHeight="1"/>
    <row r="3" spans="1:12" ht="45" customHeight="1">
      <c r="G3" s="160" t="s">
        <v>586</v>
      </c>
      <c r="H3" s="160"/>
      <c r="I3" s="160"/>
      <c r="J3" s="160"/>
      <c r="K3" s="161"/>
    </row>
    <row r="4" spans="1:12" ht="25.15" customHeight="1"/>
    <row r="5" spans="1:12" ht="25.15" customHeight="1"/>
    <row r="6" spans="1:12" ht="25.15" customHeight="1"/>
    <row r="7" spans="1:12" ht="25.15" customHeight="1"/>
    <row r="8" spans="1:12" ht="25.15" customHeight="1"/>
    <row r="9" spans="1:12" ht="25.15" customHeight="1"/>
    <row r="10" spans="1:12" ht="25.15" customHeight="1"/>
    <row r="11" spans="1:12" ht="25.15" customHeight="1"/>
    <row r="12" spans="1:12" ht="25.15" customHeight="1"/>
    <row r="13" spans="1:12" ht="45" customHeight="1">
      <c r="A13" s="581" t="s">
        <v>17</v>
      </c>
      <c r="B13" s="581"/>
      <c r="C13" s="581"/>
    </row>
    <row r="14" spans="1:12" ht="45" customHeight="1">
      <c r="A14" s="158" t="s">
        <v>515</v>
      </c>
    </row>
    <row r="15" spans="1:12" ht="45" customHeight="1">
      <c r="B15" s="158" t="s">
        <v>519</v>
      </c>
      <c r="C15" s="576" t="s">
        <v>528</v>
      </c>
      <c r="D15" s="576"/>
      <c r="E15" s="576"/>
      <c r="F15" s="576"/>
      <c r="G15" s="576"/>
      <c r="H15" s="576"/>
      <c r="I15" s="576"/>
      <c r="J15" s="576"/>
      <c r="K15" s="576"/>
      <c r="L15" s="576"/>
    </row>
    <row r="16" spans="1:12" ht="45" customHeight="1">
      <c r="C16" s="191" t="s">
        <v>529</v>
      </c>
      <c r="D16" s="191"/>
      <c r="E16" s="191"/>
      <c r="F16" s="191"/>
      <c r="G16" s="191"/>
      <c r="H16" s="191"/>
      <c r="I16" s="191"/>
      <c r="J16" s="191"/>
      <c r="K16" s="191"/>
      <c r="L16" s="191"/>
    </row>
    <row r="17" spans="1:10" ht="45" customHeight="1"/>
    <row r="18" spans="1:10" ht="45" customHeight="1">
      <c r="B18" s="158" t="s">
        <v>520</v>
      </c>
      <c r="C18" s="158" t="s">
        <v>516</v>
      </c>
    </row>
    <row r="19" spans="1:10" ht="45" customHeight="1">
      <c r="C19" s="162" t="s">
        <v>444</v>
      </c>
    </row>
    <row r="20" spans="1:10" ht="45" customHeight="1">
      <c r="C20" s="162" t="s">
        <v>518</v>
      </c>
    </row>
    <row r="21" spans="1:10" ht="45" customHeight="1"/>
    <row r="22" spans="1:10" ht="45" customHeight="1">
      <c r="B22" s="158" t="s">
        <v>567</v>
      </c>
      <c r="C22" s="158" t="s">
        <v>583</v>
      </c>
    </row>
    <row r="23" spans="1:10" ht="45" customHeight="1">
      <c r="B23" s="191" t="s">
        <v>568</v>
      </c>
      <c r="C23" s="158" t="s">
        <v>584</v>
      </c>
    </row>
    <row r="24" spans="1:10" ht="45" customHeight="1"/>
    <row r="25" spans="1:10" ht="45" customHeight="1">
      <c r="B25" s="161" t="s">
        <v>521</v>
      </c>
      <c r="C25" s="158" t="s">
        <v>517</v>
      </c>
    </row>
    <row r="26" spans="1:10" ht="45" customHeight="1"/>
    <row r="27" spans="1:10" ht="45" customHeight="1">
      <c r="A27" s="158" t="s">
        <v>522</v>
      </c>
      <c r="C27" s="190" t="s">
        <v>530</v>
      </c>
    </row>
    <row r="28" spans="1:10" ht="45" customHeight="1" thickBot="1">
      <c r="B28" s="158" t="s">
        <v>523</v>
      </c>
      <c r="D28" s="163" t="s">
        <v>466</v>
      </c>
      <c r="F28" s="164" t="s">
        <v>524</v>
      </c>
      <c r="G28" s="164"/>
      <c r="H28" s="165" t="s">
        <v>467</v>
      </c>
      <c r="J28" s="163"/>
    </row>
    <row r="29" spans="1:10" ht="45" customHeight="1">
      <c r="B29" s="166" t="s">
        <v>58</v>
      </c>
      <c r="C29" s="167" t="s">
        <v>1</v>
      </c>
      <c r="D29" s="168" t="s">
        <v>489</v>
      </c>
      <c r="F29" s="166" t="s">
        <v>246</v>
      </c>
      <c r="G29" s="167" t="s">
        <v>1</v>
      </c>
      <c r="H29" s="168" t="s">
        <v>489</v>
      </c>
    </row>
    <row r="30" spans="1:10" ht="45" customHeight="1">
      <c r="B30" s="169" t="s">
        <v>416</v>
      </c>
      <c r="C30" s="170">
        <v>16</v>
      </c>
      <c r="D30" s="171">
        <v>2.8268551236749118</v>
      </c>
      <c r="F30" s="196" t="s">
        <v>247</v>
      </c>
      <c r="G30" s="170">
        <v>50</v>
      </c>
      <c r="H30" s="172">
        <v>8.8967971530249113</v>
      </c>
    </row>
    <row r="31" spans="1:10" ht="45" customHeight="1">
      <c r="B31" s="169" t="s">
        <v>499</v>
      </c>
      <c r="C31" s="170">
        <v>103</v>
      </c>
      <c r="D31" s="171">
        <v>18.197879858657242</v>
      </c>
      <c r="F31" s="196" t="s">
        <v>248</v>
      </c>
      <c r="G31" s="170">
        <v>264</v>
      </c>
      <c r="H31" s="172">
        <v>46.97508896797153</v>
      </c>
    </row>
    <row r="32" spans="1:10" ht="45" customHeight="1">
      <c r="B32" s="169" t="s">
        <v>417</v>
      </c>
      <c r="C32" s="170">
        <v>79</v>
      </c>
      <c r="D32" s="171">
        <v>13.957597173144876</v>
      </c>
      <c r="F32" s="196" t="s">
        <v>249</v>
      </c>
      <c r="G32" s="170">
        <v>146</v>
      </c>
      <c r="H32" s="172">
        <v>25.978647686832741</v>
      </c>
    </row>
    <row r="33" spans="2:8" ht="45" customHeight="1">
      <c r="B33" s="169" t="s">
        <v>418</v>
      </c>
      <c r="C33" s="170">
        <v>158</v>
      </c>
      <c r="D33" s="171">
        <v>27.915194346289752</v>
      </c>
      <c r="F33" s="196" t="s">
        <v>250</v>
      </c>
      <c r="G33" s="170">
        <v>78</v>
      </c>
      <c r="H33" s="172">
        <v>13.87900355871886</v>
      </c>
    </row>
    <row r="34" spans="2:8" ht="45" customHeight="1" thickBot="1">
      <c r="B34" s="173" t="s">
        <v>419</v>
      </c>
      <c r="C34" s="174">
        <v>210</v>
      </c>
      <c r="D34" s="175">
        <v>37.102473498233216</v>
      </c>
      <c r="F34" s="197" t="s">
        <v>251</v>
      </c>
      <c r="G34" s="174">
        <v>24</v>
      </c>
      <c r="H34" s="176">
        <v>4.2704626334519578</v>
      </c>
    </row>
    <row r="35" spans="2:8" ht="45" customHeight="1">
      <c r="F35" s="158" t="s">
        <v>445</v>
      </c>
      <c r="H35" s="177"/>
    </row>
    <row r="36" spans="2:8" ht="45" customHeight="1">
      <c r="B36" s="158" t="s">
        <v>525</v>
      </c>
    </row>
    <row r="37" spans="2:8" ht="45" customHeight="1" thickBot="1">
      <c r="B37" s="164" t="s">
        <v>468</v>
      </c>
      <c r="C37" s="164"/>
      <c r="D37" s="165" t="s">
        <v>493</v>
      </c>
      <c r="F37" s="164" t="s">
        <v>469</v>
      </c>
      <c r="G37" s="164"/>
      <c r="H37" s="165" t="s">
        <v>470</v>
      </c>
    </row>
    <row r="38" spans="2:8" ht="45" customHeight="1">
      <c r="B38" s="166" t="s">
        <v>6</v>
      </c>
      <c r="C38" s="167" t="s">
        <v>1</v>
      </c>
      <c r="D38" s="168" t="s">
        <v>489</v>
      </c>
      <c r="F38" s="166" t="s">
        <v>7</v>
      </c>
      <c r="G38" s="167" t="s">
        <v>1</v>
      </c>
      <c r="H38" s="168" t="s">
        <v>489</v>
      </c>
    </row>
    <row r="39" spans="2:8" ht="45" customHeight="1">
      <c r="B39" s="178" t="s">
        <v>8</v>
      </c>
      <c r="C39" s="170">
        <v>148</v>
      </c>
      <c r="D39" s="179">
        <v>26.90909090909091</v>
      </c>
      <c r="F39" s="178" t="s">
        <v>13</v>
      </c>
      <c r="G39" s="170">
        <v>13</v>
      </c>
      <c r="H39" s="179">
        <v>3.233830845771144</v>
      </c>
    </row>
    <row r="40" spans="2:8" ht="45" customHeight="1">
      <c r="B40" s="178" t="s">
        <v>9</v>
      </c>
      <c r="C40" s="170">
        <v>286</v>
      </c>
      <c r="D40" s="179">
        <v>52</v>
      </c>
      <c r="F40" s="178" t="s">
        <v>14</v>
      </c>
      <c r="G40" s="170">
        <v>76</v>
      </c>
      <c r="H40" s="179">
        <v>18.905472636815919</v>
      </c>
    </row>
    <row r="41" spans="2:8" ht="45" customHeight="1">
      <c r="B41" s="178" t="s">
        <v>10</v>
      </c>
      <c r="C41" s="170">
        <v>85</v>
      </c>
      <c r="D41" s="179">
        <v>15.454545454545453</v>
      </c>
      <c r="F41" s="178" t="s">
        <v>15</v>
      </c>
      <c r="G41" s="170">
        <v>160</v>
      </c>
      <c r="H41" s="179">
        <v>39.800995024875625</v>
      </c>
    </row>
    <row r="42" spans="2:8" ht="45" customHeight="1">
      <c r="B42" s="178" t="s">
        <v>11</v>
      </c>
      <c r="C42" s="170">
        <v>19</v>
      </c>
      <c r="D42" s="179">
        <v>3.4545454545454546</v>
      </c>
      <c r="F42" s="178" t="s">
        <v>9</v>
      </c>
      <c r="G42" s="170">
        <v>126</v>
      </c>
      <c r="H42" s="179">
        <v>31.343283582089555</v>
      </c>
    </row>
    <row r="43" spans="2:8" ht="45" customHeight="1" thickBot="1">
      <c r="B43" s="180" t="s">
        <v>12</v>
      </c>
      <c r="C43" s="174">
        <v>12</v>
      </c>
      <c r="D43" s="181">
        <v>2.1818181818181821</v>
      </c>
      <c r="F43" s="180" t="s">
        <v>16</v>
      </c>
      <c r="G43" s="174">
        <v>27</v>
      </c>
      <c r="H43" s="181">
        <v>6.7164179104477615</v>
      </c>
    </row>
    <row r="44" spans="2:8" ht="45" customHeight="1" thickBot="1">
      <c r="B44" s="158" t="s">
        <v>526</v>
      </c>
    </row>
    <row r="45" spans="2:8" ht="45" customHeight="1" thickBot="1">
      <c r="B45" s="577" t="s">
        <v>68</v>
      </c>
      <c r="C45" s="578"/>
      <c r="D45" s="182" t="s">
        <v>1</v>
      </c>
      <c r="E45" s="183" t="s">
        <v>489</v>
      </c>
    </row>
    <row r="46" spans="2:8" ht="45" customHeight="1" thickTop="1">
      <c r="B46" s="579" t="s">
        <v>59</v>
      </c>
      <c r="C46" s="580"/>
      <c r="D46" s="184">
        <v>1</v>
      </c>
      <c r="E46" s="185">
        <v>0.17667844522968199</v>
      </c>
    </row>
    <row r="47" spans="2:8" ht="45" customHeight="1">
      <c r="B47" s="582" t="s">
        <v>60</v>
      </c>
      <c r="C47" s="583"/>
      <c r="D47" s="170">
        <v>3</v>
      </c>
      <c r="E47" s="186">
        <v>0.53003533568904593</v>
      </c>
    </row>
    <row r="48" spans="2:8" ht="45" customHeight="1">
      <c r="B48" s="582" t="s">
        <v>471</v>
      </c>
      <c r="C48" s="583"/>
      <c r="D48" s="170">
        <v>4</v>
      </c>
      <c r="E48" s="186">
        <v>0.70671378091872794</v>
      </c>
    </row>
    <row r="49" spans="2:8" ht="45" customHeight="1">
      <c r="B49" s="582" t="s">
        <v>62</v>
      </c>
      <c r="C49" s="583"/>
      <c r="D49" s="170">
        <v>49</v>
      </c>
      <c r="E49" s="186">
        <v>8.6572438162544181</v>
      </c>
    </row>
    <row r="50" spans="2:8" ht="45" customHeight="1">
      <c r="B50" s="582" t="s">
        <v>63</v>
      </c>
      <c r="C50" s="583"/>
      <c r="D50" s="170">
        <v>114</v>
      </c>
      <c r="E50" s="186">
        <v>20.141342756183743</v>
      </c>
    </row>
    <row r="51" spans="2:8" ht="45" customHeight="1">
      <c r="B51" s="582" t="s">
        <v>447</v>
      </c>
      <c r="C51" s="583"/>
      <c r="D51" s="170">
        <v>56</v>
      </c>
      <c r="E51" s="186">
        <v>9.8939929328621901</v>
      </c>
    </row>
    <row r="52" spans="2:8" ht="45" customHeight="1">
      <c r="B52" s="582" t="s">
        <v>65</v>
      </c>
      <c r="C52" s="583"/>
      <c r="D52" s="170">
        <v>9</v>
      </c>
      <c r="E52" s="186">
        <v>1.5901060070671376</v>
      </c>
    </row>
    <row r="53" spans="2:8" ht="45" customHeight="1">
      <c r="B53" s="582" t="s">
        <v>66</v>
      </c>
      <c r="C53" s="583"/>
      <c r="D53" s="170">
        <v>322</v>
      </c>
      <c r="E53" s="186">
        <v>56.890459363957604</v>
      </c>
    </row>
    <row r="54" spans="2:8" ht="45" customHeight="1">
      <c r="B54" s="582" t="s">
        <v>446</v>
      </c>
      <c r="C54" s="583"/>
      <c r="D54" s="170">
        <v>6</v>
      </c>
      <c r="E54" s="186">
        <v>1.0600706713780919</v>
      </c>
    </row>
    <row r="55" spans="2:8" ht="45" customHeight="1" thickBot="1">
      <c r="B55" s="584" t="s">
        <v>44</v>
      </c>
      <c r="C55" s="585"/>
      <c r="D55" s="174">
        <v>2</v>
      </c>
      <c r="E55" s="187">
        <v>0.35335689045936397</v>
      </c>
      <c r="F55" s="188"/>
      <c r="G55" s="188"/>
      <c r="H55" s="189"/>
    </row>
    <row r="56" spans="2:8" ht="45" customHeight="1"/>
    <row r="57" spans="2:8" ht="45" customHeight="1">
      <c r="B57" s="158" t="s">
        <v>527</v>
      </c>
    </row>
    <row r="58" spans="2:8" ht="45" customHeight="1" thickBot="1">
      <c r="B58" s="575" t="s">
        <v>531</v>
      </c>
      <c r="C58" s="575"/>
      <c r="D58" s="575"/>
    </row>
    <row r="59" spans="2:8" ht="45" customHeight="1" thickBot="1">
      <c r="B59" s="193" t="s">
        <v>579</v>
      </c>
      <c r="C59" s="194" t="s">
        <v>1</v>
      </c>
      <c r="D59" s="236" t="s">
        <v>348</v>
      </c>
    </row>
    <row r="60" spans="2:8" ht="45" customHeight="1" thickTop="1">
      <c r="B60" s="237" t="s">
        <v>497</v>
      </c>
      <c r="C60" s="184">
        <v>306</v>
      </c>
      <c r="D60" s="238">
        <v>57.410881801125704</v>
      </c>
    </row>
    <row r="61" spans="2:8" ht="45" customHeight="1">
      <c r="B61" s="239" t="s">
        <v>494</v>
      </c>
      <c r="C61" s="170">
        <v>98</v>
      </c>
      <c r="D61" s="238">
        <v>18.386491557223263</v>
      </c>
    </row>
    <row r="62" spans="2:8" ht="45" customHeight="1">
      <c r="B62" s="239" t="s">
        <v>495</v>
      </c>
      <c r="C62" s="170">
        <v>84</v>
      </c>
      <c r="D62" s="238">
        <v>15.75984990619137</v>
      </c>
    </row>
    <row r="63" spans="2:8" ht="45" customHeight="1" thickBot="1">
      <c r="B63" s="240" t="s">
        <v>496</v>
      </c>
      <c r="C63" s="241">
        <v>45</v>
      </c>
      <c r="D63" s="242">
        <v>8.4427767354596615</v>
      </c>
    </row>
    <row r="64" spans="2:8" ht="45" customHeight="1" thickTop="1" thickBot="1">
      <c r="B64" s="243" t="s">
        <v>18</v>
      </c>
      <c r="C64" s="244">
        <v>533</v>
      </c>
      <c r="D64" s="245">
        <v>100</v>
      </c>
    </row>
    <row r="65" ht="20.100000000000001" customHeight="1"/>
    <row r="66" ht="70.150000000000006" customHeight="1"/>
  </sheetData>
  <mergeCells count="15">
    <mergeCell ref="B1:H1"/>
    <mergeCell ref="B58:D58"/>
    <mergeCell ref="C15:L15"/>
    <mergeCell ref="B45:C45"/>
    <mergeCell ref="B46:C46"/>
    <mergeCell ref="A13:C13"/>
    <mergeCell ref="B52:C52"/>
    <mergeCell ref="B53:C53"/>
    <mergeCell ref="B54:C54"/>
    <mergeCell ref="B55:C55"/>
    <mergeCell ref="B47:C47"/>
    <mergeCell ref="B48:C48"/>
    <mergeCell ref="B49:C49"/>
    <mergeCell ref="B50:C50"/>
    <mergeCell ref="B51:C51"/>
  </mergeCells>
  <phoneticPr fontId="1"/>
  <printOptions horizontalCentered="1"/>
  <pageMargins left="0.31496062992125984" right="0.31496062992125984" top="0.94488188976377963" bottom="0.74803149606299213" header="0.31496062992125984" footer="0.31496062992125984"/>
  <pageSetup paperSize="9" scale="42" fitToHeight="2" orientation="portrait" r:id="rId1"/>
  <headerFooter scaleWithDoc="0" alignWithMargins="0">
    <oddFooter>&amp;C&amp;P</oddFooter>
  </headerFooter>
  <rowBreaks count="1" manualBreakCount="1">
    <brk id="43" max="7"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32"/>
  <sheetViews>
    <sheetView view="pageBreakPreview" zoomScaleNormal="100" zoomScaleSheetLayoutView="100" workbookViewId="0"/>
  </sheetViews>
  <sheetFormatPr defaultRowHeight="14.25"/>
  <cols>
    <col min="1" max="2" width="14.625" customWidth="1"/>
    <col min="3" max="3" width="12.625" customWidth="1"/>
    <col min="4" max="4" width="10.625" customWidth="1"/>
    <col min="5" max="5" width="20.25" customWidth="1"/>
    <col min="6" max="7" width="12.625" customWidth="1"/>
  </cols>
  <sheetData>
    <row r="1" spans="1:7" ht="30" customHeight="1">
      <c r="A1" s="94" t="s">
        <v>332</v>
      </c>
      <c r="C1" s="72"/>
      <c r="D1" s="72"/>
      <c r="E1" s="72"/>
      <c r="G1" s="71" t="s">
        <v>315</v>
      </c>
    </row>
    <row r="2" spans="1:7" ht="30" customHeight="1">
      <c r="A2" s="7" t="s">
        <v>316</v>
      </c>
      <c r="C2" s="54" t="s">
        <v>338</v>
      </c>
      <c r="E2" s="95" t="s">
        <v>317</v>
      </c>
      <c r="F2" s="95"/>
      <c r="G2" s="95"/>
    </row>
    <row r="3" spans="1:7" ht="40.15" customHeight="1">
      <c r="A3" s="676" t="s">
        <v>287</v>
      </c>
      <c r="B3" s="677"/>
      <c r="C3" s="89" t="s">
        <v>109</v>
      </c>
      <c r="E3" s="76" t="s">
        <v>301</v>
      </c>
      <c r="F3" s="89" t="s">
        <v>109</v>
      </c>
      <c r="G3" s="89" t="s">
        <v>2</v>
      </c>
    </row>
    <row r="4" spans="1:7" ht="30" customHeight="1">
      <c r="A4" s="672" t="s">
        <v>3</v>
      </c>
      <c r="B4" s="672"/>
      <c r="C4" s="90">
        <v>15</v>
      </c>
      <c r="E4" s="103" t="s">
        <v>302</v>
      </c>
      <c r="F4" s="97">
        <v>69</v>
      </c>
      <c r="G4" s="98">
        <v>0.51111111111111107</v>
      </c>
    </row>
    <row r="5" spans="1:7" ht="30" customHeight="1">
      <c r="A5" s="678" t="s">
        <v>288</v>
      </c>
      <c r="B5" s="678"/>
      <c r="C5" s="97">
        <v>39</v>
      </c>
      <c r="E5" s="104" t="s">
        <v>303</v>
      </c>
      <c r="F5" s="90">
        <v>66</v>
      </c>
      <c r="G5" s="91">
        <v>0.48888888888888887</v>
      </c>
    </row>
    <row r="6" spans="1:7" ht="30" customHeight="1">
      <c r="A6" s="672" t="s">
        <v>289</v>
      </c>
      <c r="B6" s="672"/>
      <c r="C6" s="90">
        <v>23</v>
      </c>
    </row>
    <row r="7" spans="1:7" ht="30" customHeight="1">
      <c r="A7" s="672" t="s">
        <v>290</v>
      </c>
      <c r="B7" s="672"/>
      <c r="C7" s="90">
        <v>28</v>
      </c>
      <c r="E7" s="96" t="s">
        <v>339</v>
      </c>
    </row>
    <row r="8" spans="1:7" ht="30" customHeight="1">
      <c r="A8" s="672" t="s">
        <v>291</v>
      </c>
      <c r="B8" s="672"/>
      <c r="C8" s="90">
        <v>20</v>
      </c>
      <c r="E8" s="76" t="s">
        <v>6</v>
      </c>
      <c r="F8" s="89" t="s">
        <v>1</v>
      </c>
      <c r="G8" s="89" t="s">
        <v>2</v>
      </c>
    </row>
    <row r="9" spans="1:7" ht="30" customHeight="1">
      <c r="A9" s="672" t="s">
        <v>43</v>
      </c>
      <c r="B9" s="672"/>
      <c r="C9" s="90">
        <v>10</v>
      </c>
      <c r="E9" s="104" t="s">
        <v>8</v>
      </c>
      <c r="F9" s="90">
        <v>42</v>
      </c>
      <c r="G9" s="91">
        <v>0.35</v>
      </c>
    </row>
    <row r="10" spans="1:7" ht="30" customHeight="1">
      <c r="A10" s="21" t="s">
        <v>292</v>
      </c>
      <c r="E10" s="103" t="s">
        <v>9</v>
      </c>
      <c r="F10" s="97">
        <v>63</v>
      </c>
      <c r="G10" s="98">
        <v>0.52500000000000002</v>
      </c>
    </row>
    <row r="11" spans="1:7" ht="30" customHeight="1">
      <c r="B11" s="21"/>
      <c r="E11" s="104" t="s">
        <v>10</v>
      </c>
      <c r="F11" s="90">
        <v>15</v>
      </c>
      <c r="G11" s="91">
        <v>0.125</v>
      </c>
    </row>
    <row r="12" spans="1:7" s="7" customFormat="1" ht="30" customHeight="1">
      <c r="A12" s="93" t="s">
        <v>336</v>
      </c>
    </row>
    <row r="13" spans="1:7" ht="40.15" customHeight="1">
      <c r="A13" s="676" t="s">
        <v>88</v>
      </c>
      <c r="B13" s="677"/>
      <c r="C13" s="89" t="s">
        <v>109</v>
      </c>
      <c r="E13" s="7" t="s">
        <v>340</v>
      </c>
      <c r="F13" s="7"/>
    </row>
    <row r="14" spans="1:7" ht="30" customHeight="1">
      <c r="A14" s="679" t="s">
        <v>293</v>
      </c>
      <c r="B14" s="672"/>
      <c r="C14" s="99">
        <v>3</v>
      </c>
      <c r="E14" s="101" t="s">
        <v>334</v>
      </c>
      <c r="F14" s="89" t="s">
        <v>109</v>
      </c>
      <c r="G14" s="89" t="s">
        <v>2</v>
      </c>
    </row>
    <row r="15" spans="1:7" ht="30" customHeight="1">
      <c r="A15" s="672" t="s">
        <v>294</v>
      </c>
      <c r="B15" s="672"/>
      <c r="C15" s="99">
        <v>16</v>
      </c>
      <c r="E15" s="104" t="s">
        <v>13</v>
      </c>
      <c r="F15" s="90">
        <v>0</v>
      </c>
      <c r="G15" s="91">
        <v>0</v>
      </c>
    </row>
    <row r="16" spans="1:7" ht="30" customHeight="1">
      <c r="A16" s="673" t="s">
        <v>295</v>
      </c>
      <c r="B16" s="673"/>
      <c r="C16" s="99">
        <v>26</v>
      </c>
      <c r="E16" s="105" t="s">
        <v>14</v>
      </c>
      <c r="F16" s="102">
        <v>28</v>
      </c>
      <c r="G16" s="91">
        <v>0.30107526881720431</v>
      </c>
    </row>
    <row r="17" spans="1:7" ht="30" customHeight="1">
      <c r="A17" s="680" t="s">
        <v>296</v>
      </c>
      <c r="B17" s="680"/>
      <c r="C17" s="100">
        <v>30</v>
      </c>
      <c r="E17" s="103" t="s">
        <v>15</v>
      </c>
      <c r="F17" s="97">
        <v>42</v>
      </c>
      <c r="G17" s="98">
        <v>0.45161290322580644</v>
      </c>
    </row>
    <row r="18" spans="1:7" ht="30" customHeight="1">
      <c r="A18" s="673" t="s">
        <v>297</v>
      </c>
      <c r="B18" s="673"/>
      <c r="C18" s="99">
        <v>16</v>
      </c>
      <c r="E18" s="104" t="s">
        <v>9</v>
      </c>
      <c r="F18" s="90">
        <v>22</v>
      </c>
      <c r="G18" s="91">
        <v>0.23655913978494625</v>
      </c>
    </row>
    <row r="19" spans="1:7" ht="30" customHeight="1">
      <c r="A19" s="673" t="s">
        <v>298</v>
      </c>
      <c r="B19" s="673"/>
      <c r="C19" s="99">
        <v>15</v>
      </c>
      <c r="E19" s="104" t="s">
        <v>16</v>
      </c>
      <c r="F19" s="90">
        <v>1</v>
      </c>
      <c r="G19" s="91">
        <v>1.0752688172043012E-2</v>
      </c>
    </row>
    <row r="20" spans="1:7" ht="30" customHeight="1">
      <c r="A20" s="674" t="s">
        <v>299</v>
      </c>
      <c r="B20" s="674"/>
      <c r="C20" s="99">
        <v>17</v>
      </c>
      <c r="E20" t="s">
        <v>335</v>
      </c>
    </row>
    <row r="21" spans="1:7" ht="30" customHeight="1">
      <c r="A21" s="675" t="s">
        <v>43</v>
      </c>
      <c r="B21" s="675"/>
      <c r="C21" s="99">
        <v>12</v>
      </c>
    </row>
    <row r="22" spans="1:7" ht="30" customHeight="1">
      <c r="A22" t="s">
        <v>300</v>
      </c>
    </row>
    <row r="23" spans="1:7" ht="30" customHeight="1"/>
    <row r="24" spans="1:7" ht="30" customHeight="1"/>
    <row r="25" spans="1:7" ht="30" customHeight="1"/>
    <row r="26" spans="1:7" ht="30" customHeight="1"/>
    <row r="27" spans="1:7" ht="30" customHeight="1"/>
    <row r="28" spans="1:7" ht="30" customHeight="1"/>
    <row r="29" spans="1:7" ht="30" customHeight="1"/>
    <row r="30" spans="1:7" ht="30" customHeight="1"/>
    <row r="31" spans="1:7" ht="30" customHeight="1"/>
    <row r="32" spans="1:7" ht="30" customHeight="1"/>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159"/>
  <sheetViews>
    <sheetView view="pageBreakPreview" zoomScale="110" zoomScaleNormal="100" zoomScaleSheetLayoutView="110" workbookViewId="0"/>
  </sheetViews>
  <sheetFormatPr defaultRowHeight="14.25"/>
  <cols>
    <col min="1" max="1" width="22.125" customWidth="1"/>
    <col min="2" max="4" width="16.625" customWidth="1"/>
    <col min="7" max="7" width="12.125" customWidth="1"/>
  </cols>
  <sheetData>
    <row r="1" spans="1:7" ht="28.15" customHeight="1">
      <c r="A1" s="19" t="s">
        <v>265</v>
      </c>
    </row>
    <row r="2" spans="1:7" ht="28.15" customHeight="1">
      <c r="A2" s="10" t="s">
        <v>354</v>
      </c>
    </row>
    <row r="3" spans="1:7" ht="28.15" customHeight="1" thickBot="1">
      <c r="A3" s="42" t="s">
        <v>257</v>
      </c>
      <c r="C3" s="25" t="s">
        <v>337</v>
      </c>
      <c r="D3" s="26">
        <v>463</v>
      </c>
      <c r="E3" t="s">
        <v>333</v>
      </c>
    </row>
    <row r="4" spans="1:7" ht="28.15" customHeight="1" thickBot="1">
      <c r="A4" s="41" t="s">
        <v>110</v>
      </c>
      <c r="B4" s="40" t="s">
        <v>111</v>
      </c>
      <c r="C4" s="38" t="s">
        <v>112</v>
      </c>
      <c r="D4" s="39" t="s">
        <v>53</v>
      </c>
    </row>
    <row r="5" spans="1:7" ht="28.15" customHeight="1">
      <c r="A5" s="73" t="s">
        <v>114</v>
      </c>
      <c r="B5" s="9">
        <v>307</v>
      </c>
      <c r="C5" s="5">
        <v>149</v>
      </c>
      <c r="D5" s="37">
        <v>7</v>
      </c>
    </row>
    <row r="6" spans="1:7" ht="28.15" customHeight="1">
      <c r="A6" s="74" t="s">
        <v>113</v>
      </c>
      <c r="B6" s="22">
        <v>279</v>
      </c>
      <c r="C6" s="2">
        <v>174</v>
      </c>
      <c r="D6" s="35">
        <v>10</v>
      </c>
    </row>
    <row r="7" spans="1:7" ht="28.15" customHeight="1" thickBot="1">
      <c r="A7" s="75" t="s">
        <v>115</v>
      </c>
      <c r="B7" s="18">
        <v>283</v>
      </c>
      <c r="C7" s="17">
        <v>173</v>
      </c>
      <c r="D7" s="36">
        <v>7</v>
      </c>
    </row>
    <row r="8" spans="1:7" ht="28.15" customHeight="1"/>
    <row r="9" spans="1:7" ht="28.15" customHeight="1" thickBot="1">
      <c r="A9" s="42" t="s">
        <v>258</v>
      </c>
    </row>
    <row r="10" spans="1:7" ht="28.15" customHeight="1">
      <c r="A10" s="116" t="s">
        <v>54</v>
      </c>
      <c r="B10" s="30" t="s">
        <v>116</v>
      </c>
      <c r="C10" s="31" t="s">
        <v>117</v>
      </c>
      <c r="D10" s="32" t="s">
        <v>53</v>
      </c>
    </row>
    <row r="11" spans="1:7" ht="28.15" customHeight="1" thickBot="1">
      <c r="A11" s="117">
        <v>321</v>
      </c>
      <c r="B11" s="33">
        <v>93</v>
      </c>
      <c r="C11" s="23">
        <v>222</v>
      </c>
      <c r="D11" s="34">
        <v>6</v>
      </c>
    </row>
    <row r="12" spans="1:7" ht="28.15" customHeight="1" thickTop="1" thickBot="1">
      <c r="A12" s="115" t="s">
        <v>348</v>
      </c>
      <c r="B12" s="118">
        <v>28.971962616822427</v>
      </c>
      <c r="C12" s="119">
        <v>69.158878504672899</v>
      </c>
      <c r="D12" s="120">
        <v>1.8691588785046727</v>
      </c>
    </row>
    <row r="13" spans="1:7" ht="28.15" customHeight="1">
      <c r="A13" s="4"/>
    </row>
    <row r="14" spans="1:7" ht="28.15" customHeight="1"/>
    <row r="15" spans="1:7" ht="28.15" customHeight="1">
      <c r="A15" s="42" t="s">
        <v>259</v>
      </c>
      <c r="D15" s="57" t="s">
        <v>262</v>
      </c>
    </row>
    <row r="16" spans="1:7" s="10" customFormat="1" ht="14.25" customHeight="1">
      <c r="A16" s="28" t="s">
        <v>118</v>
      </c>
      <c r="B16" s="6"/>
      <c r="C16" s="6"/>
      <c r="D16" s="6"/>
      <c r="E16" s="6"/>
      <c r="F16" s="6"/>
      <c r="G16" s="6"/>
    </row>
    <row r="17" spans="1:7" s="10" customFormat="1" ht="14.25" customHeight="1">
      <c r="A17" s="28" t="s">
        <v>120</v>
      </c>
      <c r="B17" s="6"/>
      <c r="C17" s="6"/>
      <c r="D17" s="6"/>
      <c r="E17" s="6"/>
      <c r="F17" s="6"/>
      <c r="G17" s="6"/>
    </row>
    <row r="18" spans="1:7" s="10" customFormat="1" ht="14.25" customHeight="1">
      <c r="A18" s="28" t="s">
        <v>121</v>
      </c>
      <c r="B18" s="6"/>
      <c r="C18" s="6"/>
      <c r="D18" s="6"/>
      <c r="E18" s="6"/>
      <c r="F18" s="6"/>
      <c r="G18" s="6"/>
    </row>
    <row r="19" spans="1:7" s="10" customFormat="1" ht="14.25" customHeight="1">
      <c r="A19" s="28" t="s">
        <v>122</v>
      </c>
      <c r="B19" s="6"/>
      <c r="C19" s="6"/>
      <c r="D19" s="6"/>
      <c r="E19" s="6"/>
      <c r="F19" s="6"/>
      <c r="G19" s="6"/>
    </row>
    <row r="20" spans="1:7" s="10" customFormat="1" ht="14.25" customHeight="1">
      <c r="A20" s="28" t="s">
        <v>125</v>
      </c>
      <c r="B20" s="6"/>
      <c r="C20" s="6"/>
      <c r="D20" s="6"/>
      <c r="E20" s="6"/>
      <c r="F20" s="6"/>
      <c r="G20" s="6"/>
    </row>
    <row r="21" spans="1:7" s="10" customFormat="1" ht="14.25" customHeight="1">
      <c r="A21" s="28" t="s">
        <v>126</v>
      </c>
      <c r="B21" s="6"/>
      <c r="C21" s="6"/>
      <c r="D21" s="6"/>
      <c r="E21" s="6"/>
      <c r="F21" s="6"/>
      <c r="G21" s="6"/>
    </row>
    <row r="22" spans="1:7" s="10" customFormat="1" ht="14.25" customHeight="1">
      <c r="A22" s="28" t="s">
        <v>318</v>
      </c>
      <c r="B22" s="6"/>
      <c r="C22" s="6"/>
      <c r="D22" s="6"/>
      <c r="E22" s="6"/>
      <c r="F22" s="6"/>
      <c r="G22" s="6"/>
    </row>
    <row r="23" spans="1:7" s="10" customFormat="1" ht="14.25" customHeight="1">
      <c r="A23" s="28" t="s">
        <v>127</v>
      </c>
      <c r="B23" s="6"/>
      <c r="C23" s="6"/>
      <c r="D23" s="6"/>
      <c r="E23" s="6"/>
      <c r="F23" s="6"/>
      <c r="G23" s="6"/>
    </row>
    <row r="24" spans="1:7" s="10" customFormat="1" ht="14.25" customHeight="1">
      <c r="A24" s="28" t="s">
        <v>128</v>
      </c>
      <c r="B24" s="6"/>
      <c r="C24" s="6"/>
      <c r="D24" s="6"/>
      <c r="E24" s="6"/>
      <c r="F24" s="6"/>
      <c r="G24" s="6"/>
    </row>
    <row r="25" spans="1:7" s="10" customFormat="1" ht="14.25" customHeight="1">
      <c r="A25" s="28" t="s">
        <v>130</v>
      </c>
      <c r="B25" s="6"/>
      <c r="C25" s="6"/>
      <c r="D25" s="6"/>
      <c r="E25" s="6"/>
      <c r="F25" s="6"/>
      <c r="G25" s="6"/>
    </row>
    <row r="26" spans="1:7" s="10" customFormat="1" ht="14.25" customHeight="1">
      <c r="A26" s="28" t="s">
        <v>132</v>
      </c>
      <c r="B26" s="6"/>
      <c r="C26" s="6"/>
      <c r="D26" s="6"/>
      <c r="E26" s="6"/>
      <c r="F26" s="6"/>
      <c r="G26" s="6"/>
    </row>
    <row r="27" spans="1:7" s="10" customFormat="1" ht="14.25" customHeight="1">
      <c r="A27" s="28" t="s">
        <v>134</v>
      </c>
      <c r="B27" s="6"/>
      <c r="C27" s="6"/>
      <c r="D27" s="6"/>
      <c r="E27" s="6"/>
      <c r="F27" s="6"/>
      <c r="G27" s="6"/>
    </row>
    <row r="28" spans="1:7" s="10" customFormat="1" ht="14.25" customHeight="1">
      <c r="A28" s="28" t="s">
        <v>135</v>
      </c>
      <c r="B28" s="6"/>
      <c r="C28" s="6"/>
      <c r="D28" s="6"/>
      <c r="E28" s="6"/>
      <c r="F28" s="6"/>
      <c r="G28" s="6"/>
    </row>
    <row r="29" spans="1:7" s="10" customFormat="1" ht="14.25" customHeight="1">
      <c r="A29" s="28" t="s">
        <v>136</v>
      </c>
      <c r="B29" s="6"/>
      <c r="C29" s="6"/>
      <c r="D29" s="6"/>
      <c r="E29" s="6"/>
      <c r="F29" s="6"/>
      <c r="G29" s="6"/>
    </row>
    <row r="30" spans="1:7" s="10" customFormat="1" ht="14.25" customHeight="1">
      <c r="A30" s="28" t="s">
        <v>137</v>
      </c>
      <c r="B30" s="6"/>
      <c r="C30" s="6"/>
      <c r="D30" s="6"/>
      <c r="E30" s="6"/>
      <c r="F30" s="6"/>
      <c r="G30" s="6"/>
    </row>
    <row r="31" spans="1:7" s="10" customFormat="1" ht="14.25" customHeight="1">
      <c r="A31" s="28" t="s">
        <v>138</v>
      </c>
      <c r="B31" s="6"/>
      <c r="C31" s="6"/>
      <c r="D31" s="6"/>
      <c r="E31" s="6"/>
      <c r="F31" s="6"/>
      <c r="G31" s="6"/>
    </row>
    <row r="32" spans="1:7" s="10" customFormat="1" ht="14.25" customHeight="1">
      <c r="A32" s="681" t="s">
        <v>319</v>
      </c>
      <c r="B32" s="681"/>
      <c r="C32" s="681"/>
      <c r="D32" s="681"/>
      <c r="E32" s="681"/>
      <c r="F32" s="681"/>
      <c r="G32" s="681"/>
    </row>
    <row r="33" spans="1:7" s="10" customFormat="1">
      <c r="A33" s="28" t="s">
        <v>141</v>
      </c>
      <c r="B33" s="6"/>
      <c r="C33" s="6"/>
      <c r="D33" s="6"/>
      <c r="E33" s="6"/>
      <c r="F33" s="6"/>
      <c r="G33" s="6"/>
    </row>
    <row r="34" spans="1:7" s="10" customFormat="1">
      <c r="A34" s="28" t="s">
        <v>143</v>
      </c>
      <c r="B34" s="6"/>
      <c r="C34" s="6"/>
      <c r="D34" s="6"/>
      <c r="E34" s="6"/>
      <c r="F34" s="6"/>
      <c r="G34" s="6"/>
    </row>
    <row r="35" spans="1:7" s="10" customFormat="1">
      <c r="A35" s="28" t="s">
        <v>144</v>
      </c>
      <c r="B35" s="6"/>
      <c r="C35" s="6"/>
      <c r="D35" s="6"/>
      <c r="E35" s="6"/>
      <c r="F35" s="6"/>
      <c r="G35" s="6"/>
    </row>
    <row r="36" spans="1:7" s="10" customFormat="1">
      <c r="A36" s="28" t="s">
        <v>146</v>
      </c>
      <c r="B36" s="6"/>
      <c r="C36" s="6"/>
      <c r="D36" s="6"/>
      <c r="E36" s="6"/>
      <c r="F36" s="6"/>
      <c r="G36" s="6"/>
    </row>
    <row r="37" spans="1:7" s="10" customFormat="1">
      <c r="A37" s="28" t="s">
        <v>147</v>
      </c>
      <c r="B37" s="6"/>
      <c r="C37" s="6"/>
      <c r="D37" s="6"/>
      <c r="E37" s="6"/>
      <c r="F37" s="6"/>
      <c r="G37" s="6"/>
    </row>
    <row r="38" spans="1:7" s="10" customFormat="1">
      <c r="A38" s="28" t="s">
        <v>148</v>
      </c>
      <c r="B38" s="6"/>
      <c r="C38" s="6"/>
      <c r="D38" s="6"/>
      <c r="E38" s="6"/>
      <c r="F38" s="6"/>
      <c r="G38" s="6"/>
    </row>
    <row r="39" spans="1:7" s="10" customFormat="1">
      <c r="A39" s="28" t="s">
        <v>150</v>
      </c>
      <c r="B39" s="6"/>
      <c r="C39" s="6"/>
      <c r="D39" s="6"/>
      <c r="E39" s="6"/>
      <c r="F39" s="6"/>
      <c r="G39" s="6"/>
    </row>
    <row r="40" spans="1:7" s="10" customFormat="1">
      <c r="A40" s="28" t="s">
        <v>152</v>
      </c>
      <c r="B40" s="6"/>
      <c r="C40" s="6"/>
      <c r="D40" s="6"/>
      <c r="E40" s="6"/>
      <c r="F40" s="6"/>
      <c r="G40" s="6"/>
    </row>
    <row r="41" spans="1:7" s="10" customFormat="1">
      <c r="A41" s="28" t="s">
        <v>153</v>
      </c>
      <c r="B41" s="6"/>
      <c r="C41" s="6"/>
      <c r="D41" s="6"/>
      <c r="E41" s="6"/>
      <c r="F41" s="6"/>
      <c r="G41" s="6"/>
    </row>
    <row r="42" spans="1:7" s="10" customFormat="1">
      <c r="A42" s="28" t="s">
        <v>154</v>
      </c>
      <c r="B42" s="6"/>
      <c r="C42" s="6"/>
      <c r="D42" s="6"/>
      <c r="E42" s="6"/>
      <c r="F42" s="6"/>
      <c r="G42" s="6"/>
    </row>
    <row r="43" spans="1:7" s="10" customFormat="1">
      <c r="A43" s="28" t="s">
        <v>155</v>
      </c>
      <c r="B43" s="6"/>
      <c r="C43" s="6"/>
      <c r="D43" s="6"/>
      <c r="E43" s="6"/>
      <c r="F43" s="6"/>
      <c r="G43" s="6"/>
    </row>
    <row r="44" spans="1:7" s="10" customFormat="1">
      <c r="A44" s="28" t="s">
        <v>157</v>
      </c>
      <c r="B44" s="6"/>
      <c r="C44" s="6"/>
      <c r="D44" s="6"/>
      <c r="E44" s="6"/>
      <c r="F44" s="6"/>
      <c r="G44" s="6"/>
    </row>
    <row r="45" spans="1:7" s="10" customFormat="1">
      <c r="A45" s="28" t="s">
        <v>158</v>
      </c>
      <c r="B45" s="6"/>
      <c r="C45" s="6"/>
      <c r="D45" s="6"/>
      <c r="E45" s="6"/>
      <c r="F45" s="6"/>
      <c r="G45" s="6"/>
    </row>
    <row r="46" spans="1:7" s="10" customFormat="1">
      <c r="A46" s="28" t="s">
        <v>159</v>
      </c>
      <c r="B46" s="6"/>
      <c r="C46" s="6"/>
      <c r="D46" s="6"/>
      <c r="E46" s="6"/>
      <c r="F46" s="6"/>
      <c r="G46" s="6"/>
    </row>
    <row r="47" spans="1:7" s="10" customFormat="1">
      <c r="A47" s="28" t="s">
        <v>160</v>
      </c>
      <c r="B47" s="6"/>
      <c r="C47" s="6"/>
      <c r="D47" s="6"/>
      <c r="E47" s="6"/>
      <c r="F47" s="6"/>
      <c r="G47" s="6"/>
    </row>
    <row r="48" spans="1:7" s="10" customFormat="1">
      <c r="A48" s="28" t="s">
        <v>132</v>
      </c>
      <c r="B48" s="6"/>
      <c r="C48" s="6"/>
      <c r="D48" s="6"/>
      <c r="E48" s="6"/>
      <c r="F48" s="6"/>
      <c r="G48" s="6"/>
    </row>
    <row r="49" spans="1:7" s="10" customFormat="1">
      <c r="A49" s="28" t="s">
        <v>162</v>
      </c>
      <c r="B49" s="6"/>
      <c r="C49" s="6"/>
      <c r="D49" s="6"/>
      <c r="E49" s="6"/>
      <c r="F49" s="6"/>
      <c r="G49" s="6"/>
    </row>
    <row r="50" spans="1:7" s="10" customFormat="1">
      <c r="A50" s="28" t="s">
        <v>163</v>
      </c>
      <c r="B50" s="6"/>
      <c r="C50" s="6"/>
      <c r="D50" s="6"/>
      <c r="E50" s="6"/>
      <c r="F50" s="6"/>
      <c r="G50" s="6"/>
    </row>
    <row r="51" spans="1:7" s="10" customFormat="1">
      <c r="A51" s="28" t="s">
        <v>165</v>
      </c>
      <c r="B51" s="6"/>
      <c r="C51" s="6"/>
      <c r="D51" s="6"/>
      <c r="E51" s="6"/>
      <c r="F51" s="6"/>
      <c r="G51" s="6"/>
    </row>
    <row r="52" spans="1:7" s="10" customFormat="1">
      <c r="A52" s="681" t="s">
        <v>166</v>
      </c>
      <c r="B52" s="681"/>
      <c r="C52" s="681"/>
      <c r="D52" s="681"/>
      <c r="E52" s="681"/>
      <c r="F52" s="681"/>
      <c r="G52" s="681"/>
    </row>
    <row r="53" spans="1:7" s="10" customFormat="1">
      <c r="A53" s="681"/>
      <c r="B53" s="681"/>
      <c r="C53" s="681"/>
      <c r="D53" s="681"/>
      <c r="E53" s="681"/>
      <c r="F53" s="681"/>
      <c r="G53" s="681"/>
    </row>
    <row r="54" spans="1:7" s="10" customFormat="1">
      <c r="A54" s="28" t="s">
        <v>169</v>
      </c>
      <c r="B54" s="6"/>
      <c r="C54" s="6"/>
      <c r="D54" s="6"/>
      <c r="E54" s="6"/>
      <c r="F54" s="6"/>
      <c r="G54" s="6"/>
    </row>
    <row r="55" spans="1:7" s="10" customFormat="1">
      <c r="A55" s="28" t="s">
        <v>173</v>
      </c>
      <c r="B55" s="6"/>
      <c r="C55" s="6"/>
      <c r="D55" s="6"/>
      <c r="E55" s="6"/>
      <c r="F55" s="6"/>
      <c r="G55" s="6"/>
    </row>
    <row r="56" spans="1:7" s="10" customFormat="1">
      <c r="A56" s="28" t="s">
        <v>174</v>
      </c>
      <c r="B56" s="6"/>
      <c r="C56" s="6"/>
      <c r="D56" s="6"/>
      <c r="E56" s="6"/>
      <c r="F56" s="6"/>
      <c r="G56" s="6"/>
    </row>
    <row r="57" spans="1:7" s="10" customFormat="1">
      <c r="A57" s="28" t="s">
        <v>176</v>
      </c>
      <c r="B57" s="6"/>
      <c r="C57" s="6"/>
      <c r="D57" s="6"/>
      <c r="E57" s="6"/>
      <c r="F57" s="6"/>
      <c r="G57" s="6"/>
    </row>
    <row r="58" spans="1:7" s="10" customFormat="1">
      <c r="A58" s="28" t="s">
        <v>178</v>
      </c>
      <c r="B58" s="6"/>
      <c r="C58" s="6"/>
      <c r="D58" s="6"/>
      <c r="E58" s="6"/>
      <c r="F58" s="6"/>
      <c r="G58" s="6"/>
    </row>
    <row r="59" spans="1:7" s="10" customFormat="1">
      <c r="A59" s="28" t="s">
        <v>180</v>
      </c>
      <c r="B59" s="6"/>
      <c r="C59" s="6"/>
      <c r="D59" s="6"/>
      <c r="E59" s="6"/>
      <c r="F59" s="6"/>
      <c r="G59" s="6"/>
    </row>
    <row r="60" spans="1:7" s="10" customFormat="1">
      <c r="A60" s="28" t="s">
        <v>181</v>
      </c>
      <c r="B60" s="6"/>
      <c r="C60" s="6"/>
      <c r="D60" s="6"/>
      <c r="E60" s="6"/>
      <c r="F60" s="6"/>
      <c r="G60" s="6"/>
    </row>
    <row r="61" spans="1:7" s="10" customFormat="1">
      <c r="A61" s="28" t="s">
        <v>182</v>
      </c>
      <c r="B61" s="6"/>
      <c r="C61" s="6"/>
      <c r="D61" s="6"/>
      <c r="E61" s="6"/>
      <c r="F61" s="6"/>
      <c r="G61" s="6"/>
    </row>
    <row r="62" spans="1:7" s="10" customFormat="1">
      <c r="A62" s="28" t="s">
        <v>186</v>
      </c>
      <c r="B62" s="6"/>
      <c r="C62" s="6"/>
      <c r="D62" s="6"/>
      <c r="E62" s="6"/>
      <c r="F62" s="6"/>
      <c r="G62" s="6"/>
    </row>
    <row r="63" spans="1:7" s="10" customFormat="1">
      <c r="A63" s="28" t="s">
        <v>187</v>
      </c>
      <c r="B63" s="6"/>
      <c r="C63" s="6"/>
      <c r="D63" s="6"/>
      <c r="E63" s="6"/>
      <c r="F63" s="6"/>
      <c r="G63" s="6"/>
    </row>
    <row r="64" spans="1:7" s="10" customFormat="1">
      <c r="A64" s="28" t="s">
        <v>320</v>
      </c>
      <c r="B64" s="6"/>
      <c r="C64" s="6"/>
      <c r="D64" s="6"/>
      <c r="E64" s="6"/>
      <c r="F64" s="6"/>
      <c r="G64" s="6"/>
    </row>
    <row r="65" spans="1:7" s="10" customFormat="1">
      <c r="A65" s="28" t="s">
        <v>189</v>
      </c>
      <c r="B65" s="6"/>
      <c r="C65" s="6"/>
      <c r="D65" s="6"/>
      <c r="E65" s="6"/>
      <c r="F65" s="6"/>
      <c r="G65" s="6"/>
    </row>
    <row r="66" spans="1:7" s="10" customFormat="1">
      <c r="A66" s="28" t="s">
        <v>191</v>
      </c>
      <c r="B66" s="6"/>
      <c r="C66" s="6"/>
      <c r="D66" s="6"/>
      <c r="E66" s="6"/>
      <c r="F66" s="6"/>
      <c r="G66" s="6"/>
    </row>
    <row r="67" spans="1:7" s="10" customFormat="1">
      <c r="A67" s="28" t="s">
        <v>321</v>
      </c>
      <c r="B67" s="6"/>
      <c r="C67" s="6"/>
      <c r="D67" s="6"/>
      <c r="E67" s="6"/>
      <c r="F67" s="6"/>
      <c r="G67" s="6"/>
    </row>
    <row r="68" spans="1:7" s="10" customFormat="1">
      <c r="A68" s="28" t="s">
        <v>193</v>
      </c>
      <c r="B68" s="6"/>
      <c r="C68" s="6"/>
      <c r="D68" s="6"/>
      <c r="E68" s="6"/>
      <c r="F68" s="6"/>
      <c r="G68" s="6"/>
    </row>
    <row r="69" spans="1:7" s="10" customFormat="1">
      <c r="A69" s="28" t="s">
        <v>195</v>
      </c>
      <c r="B69" s="6"/>
      <c r="C69" s="6"/>
      <c r="D69" s="6"/>
      <c r="E69" s="6"/>
      <c r="F69" s="6"/>
      <c r="G69" s="6"/>
    </row>
    <row r="70" spans="1:7" s="10" customFormat="1">
      <c r="A70" s="28" t="s">
        <v>196</v>
      </c>
      <c r="B70" s="6"/>
      <c r="C70" s="6"/>
      <c r="D70" s="6"/>
      <c r="E70" s="6"/>
      <c r="F70" s="6"/>
      <c r="G70" s="6"/>
    </row>
    <row r="71" spans="1:7" s="10" customFormat="1">
      <c r="A71" s="28" t="s">
        <v>197</v>
      </c>
      <c r="B71" s="6"/>
      <c r="C71" s="6"/>
      <c r="D71" s="6"/>
      <c r="E71" s="6"/>
      <c r="F71" s="6"/>
      <c r="G71" s="6"/>
    </row>
    <row r="72" spans="1:7" s="10" customFormat="1">
      <c r="A72" s="28" t="s">
        <v>199</v>
      </c>
      <c r="B72" s="6"/>
      <c r="C72" s="6"/>
      <c r="D72" s="6"/>
      <c r="E72" s="6"/>
      <c r="F72" s="6"/>
      <c r="G72" s="6"/>
    </row>
    <row r="73" spans="1:7" s="10" customFormat="1">
      <c r="A73" s="28" t="s">
        <v>200</v>
      </c>
      <c r="B73" s="6"/>
      <c r="C73" s="6"/>
      <c r="D73" s="6"/>
      <c r="E73" s="6"/>
      <c r="F73" s="6"/>
      <c r="G73" s="6"/>
    </row>
    <row r="74" spans="1:7" s="10" customFormat="1">
      <c r="A74" s="28" t="s">
        <v>202</v>
      </c>
      <c r="B74" s="6"/>
      <c r="C74" s="6"/>
      <c r="D74" s="6"/>
      <c r="E74" s="6"/>
      <c r="F74" s="6"/>
      <c r="G74" s="6"/>
    </row>
    <row r="75" spans="1:7" s="10" customFormat="1">
      <c r="A75" s="28" t="s">
        <v>189</v>
      </c>
      <c r="B75" s="6"/>
      <c r="C75" s="6"/>
      <c r="D75" s="6"/>
      <c r="E75" s="6"/>
      <c r="F75" s="6"/>
      <c r="G75" s="6"/>
    </row>
    <row r="76" spans="1:7" s="10" customFormat="1">
      <c r="A76" s="28" t="s">
        <v>203</v>
      </c>
      <c r="B76" s="6"/>
      <c r="C76" s="6"/>
      <c r="D76" s="6"/>
      <c r="E76" s="6"/>
      <c r="F76" s="6"/>
      <c r="G76" s="6"/>
    </row>
    <row r="77" spans="1:7" s="10" customFormat="1">
      <c r="A77" s="681" t="s">
        <v>322</v>
      </c>
      <c r="B77" s="681"/>
      <c r="C77" s="681"/>
      <c r="D77" s="681"/>
      <c r="E77" s="681"/>
      <c r="F77" s="681"/>
      <c r="G77" s="681"/>
    </row>
    <row r="78" spans="1:7" s="10" customFormat="1">
      <c r="A78" s="681"/>
      <c r="B78" s="681"/>
      <c r="C78" s="681"/>
      <c r="D78" s="681"/>
      <c r="E78" s="681"/>
      <c r="F78" s="681"/>
      <c r="G78" s="681"/>
    </row>
    <row r="79" spans="1:7" s="10" customFormat="1">
      <c r="A79" s="28" t="s">
        <v>204</v>
      </c>
      <c r="B79" s="6"/>
      <c r="C79" s="6"/>
      <c r="D79" s="6"/>
      <c r="E79" s="6"/>
      <c r="F79" s="6"/>
      <c r="G79" s="6"/>
    </row>
    <row r="80" spans="1:7" s="10" customFormat="1">
      <c r="A80" s="28" t="s">
        <v>205</v>
      </c>
      <c r="B80" s="6"/>
      <c r="C80" s="6"/>
      <c r="D80" s="6"/>
      <c r="E80" s="6"/>
      <c r="F80" s="6"/>
      <c r="G80" s="6"/>
    </row>
    <row r="81" spans="1:7" s="10" customFormat="1">
      <c r="A81" s="28" t="s">
        <v>206</v>
      </c>
      <c r="B81" s="6"/>
      <c r="C81" s="6"/>
      <c r="D81" s="6"/>
      <c r="E81" s="6"/>
      <c r="F81" s="6"/>
      <c r="G81" s="6"/>
    </row>
    <row r="82" spans="1:7" s="10" customFormat="1">
      <c r="A82" s="28" t="s">
        <v>207</v>
      </c>
      <c r="B82" s="6"/>
      <c r="C82" s="6"/>
      <c r="D82" s="6"/>
      <c r="E82" s="6"/>
      <c r="F82" s="6"/>
      <c r="G82" s="6"/>
    </row>
    <row r="83" spans="1:7" s="10" customFormat="1">
      <c r="A83" s="28" t="s">
        <v>189</v>
      </c>
      <c r="B83" s="6"/>
      <c r="C83" s="6"/>
      <c r="D83" s="6"/>
      <c r="E83" s="6"/>
      <c r="F83" s="6"/>
      <c r="G83" s="6"/>
    </row>
    <row r="84" spans="1:7" s="10" customFormat="1">
      <c r="A84" s="28" t="s">
        <v>209</v>
      </c>
      <c r="B84" s="6"/>
      <c r="C84" s="6"/>
      <c r="D84" s="6"/>
      <c r="E84" s="6"/>
      <c r="F84" s="6"/>
      <c r="G84" s="6"/>
    </row>
    <row r="85" spans="1:7" s="10" customFormat="1">
      <c r="A85" s="28" t="s">
        <v>210</v>
      </c>
      <c r="B85" s="6"/>
      <c r="C85" s="6"/>
      <c r="D85" s="6"/>
      <c r="E85" s="6"/>
      <c r="F85" s="6"/>
      <c r="G85" s="6"/>
    </row>
    <row r="86" spans="1:7" s="10" customFormat="1">
      <c r="A86" s="28" t="s">
        <v>211</v>
      </c>
      <c r="B86" s="6"/>
      <c r="C86" s="6"/>
      <c r="D86" s="6"/>
      <c r="E86" s="6"/>
      <c r="F86" s="6"/>
      <c r="G86" s="6"/>
    </row>
    <row r="87" spans="1:7" s="10" customFormat="1">
      <c r="A87" s="28" t="s">
        <v>212</v>
      </c>
      <c r="B87" s="6"/>
      <c r="C87" s="6"/>
      <c r="D87" s="6"/>
      <c r="E87" s="6"/>
      <c r="F87" s="6"/>
      <c r="G87" s="6"/>
    </row>
    <row r="88" spans="1:7" s="10" customFormat="1">
      <c r="A88" s="28" t="s">
        <v>213</v>
      </c>
      <c r="B88" s="6"/>
      <c r="C88" s="6"/>
      <c r="D88" s="6"/>
      <c r="E88" s="6"/>
      <c r="F88" s="6"/>
      <c r="G88" s="6"/>
    </row>
    <row r="89" spans="1:7" s="10" customFormat="1">
      <c r="A89" s="28" t="s">
        <v>214</v>
      </c>
      <c r="B89" s="6"/>
      <c r="C89" s="6"/>
      <c r="D89" s="6"/>
      <c r="E89" s="6"/>
      <c r="F89" s="6"/>
      <c r="G89" s="6"/>
    </row>
    <row r="90" spans="1:7" s="10" customFormat="1">
      <c r="A90" s="28" t="s">
        <v>215</v>
      </c>
      <c r="B90" s="6"/>
      <c r="C90" s="6"/>
      <c r="D90" s="6"/>
      <c r="E90" s="6"/>
      <c r="F90" s="6"/>
      <c r="G90" s="6"/>
    </row>
    <row r="91" spans="1:7" s="10" customFormat="1">
      <c r="A91" s="28" t="s">
        <v>217</v>
      </c>
      <c r="B91" s="6"/>
      <c r="C91" s="6"/>
      <c r="D91" s="6"/>
      <c r="E91" s="6"/>
      <c r="F91" s="6"/>
      <c r="G91" s="6"/>
    </row>
    <row r="92" spans="1:7" s="10" customFormat="1">
      <c r="A92" s="28" t="s">
        <v>218</v>
      </c>
      <c r="B92" s="6"/>
      <c r="C92" s="6"/>
      <c r="D92" s="6"/>
      <c r="E92" s="6"/>
      <c r="F92" s="6"/>
      <c r="G92" s="6"/>
    </row>
    <row r="93" spans="1:7" s="10" customFormat="1">
      <c r="A93" s="28" t="s">
        <v>219</v>
      </c>
      <c r="B93" s="6"/>
      <c r="C93" s="6"/>
      <c r="D93" s="6"/>
      <c r="E93" s="6"/>
      <c r="F93" s="6"/>
      <c r="G93" s="6"/>
    </row>
    <row r="94" spans="1:7" s="10" customFormat="1">
      <c r="A94" s="28" t="s">
        <v>221</v>
      </c>
      <c r="B94" s="6"/>
      <c r="C94" s="6"/>
      <c r="D94" s="6"/>
      <c r="E94" s="6"/>
      <c r="F94" s="6"/>
      <c r="G94" s="6"/>
    </row>
    <row r="95" spans="1:7" s="10" customFormat="1">
      <c r="A95" s="28" t="s">
        <v>222</v>
      </c>
      <c r="B95" s="6"/>
      <c r="C95" s="6"/>
      <c r="D95" s="6"/>
      <c r="E95" s="6"/>
      <c r="F95" s="6"/>
      <c r="G95" s="6"/>
    </row>
    <row r="96" spans="1:7" s="10" customFormat="1">
      <c r="A96" s="28" t="s">
        <v>223</v>
      </c>
      <c r="B96" s="6"/>
      <c r="C96" s="6"/>
      <c r="D96" s="6"/>
      <c r="E96" s="6"/>
      <c r="F96" s="6"/>
      <c r="G96" s="6"/>
    </row>
    <row r="97" spans="1:7" s="10" customFormat="1">
      <c r="A97" s="28" t="s">
        <v>225</v>
      </c>
      <c r="B97" s="6"/>
      <c r="C97" s="6"/>
      <c r="D97" s="6"/>
      <c r="E97" s="6"/>
      <c r="F97" s="6"/>
      <c r="G97" s="6"/>
    </row>
    <row r="98" spans="1:7" s="10" customFormat="1">
      <c r="A98" s="28" t="s">
        <v>226</v>
      </c>
      <c r="B98" s="6"/>
      <c r="C98" s="6"/>
      <c r="D98" s="6"/>
      <c r="E98" s="6"/>
      <c r="F98" s="6"/>
      <c r="G98" s="6"/>
    </row>
    <row r="99" spans="1:7" s="10" customFormat="1">
      <c r="A99" s="28" t="s">
        <v>228</v>
      </c>
      <c r="B99" s="6"/>
      <c r="C99" s="6"/>
      <c r="D99" s="6"/>
      <c r="E99" s="6"/>
      <c r="F99" s="6"/>
      <c r="G99" s="6"/>
    </row>
    <row r="100" spans="1:7" s="10" customFormat="1">
      <c r="A100" s="28" t="s">
        <v>229</v>
      </c>
      <c r="B100" s="6"/>
      <c r="C100" s="6"/>
      <c r="D100" s="6"/>
      <c r="E100" s="6"/>
      <c r="F100" s="6"/>
      <c r="G100" s="6"/>
    </row>
    <row r="101" spans="1:7" s="10" customFormat="1">
      <c r="A101" s="28" t="s">
        <v>231</v>
      </c>
      <c r="B101" s="6"/>
      <c r="C101" s="6"/>
      <c r="D101" s="6"/>
      <c r="E101" s="6"/>
      <c r="F101" s="6"/>
      <c r="G101" s="6"/>
    </row>
    <row r="102" spans="1:7" s="10" customFormat="1">
      <c r="A102" s="28" t="s">
        <v>234</v>
      </c>
      <c r="B102" s="6"/>
      <c r="C102" s="6"/>
      <c r="D102" s="6"/>
      <c r="E102" s="6"/>
      <c r="F102" s="6"/>
      <c r="G102" s="6"/>
    </row>
    <row r="103" spans="1:7" s="10" customFormat="1">
      <c r="A103" s="28" t="s">
        <v>235</v>
      </c>
      <c r="B103" s="6"/>
      <c r="C103" s="6"/>
      <c r="D103" s="6"/>
      <c r="E103" s="6"/>
      <c r="F103" s="6"/>
      <c r="G103" s="6"/>
    </row>
    <row r="104" spans="1:7" s="10" customFormat="1">
      <c r="A104" s="681" t="s">
        <v>237</v>
      </c>
      <c r="B104" s="681"/>
      <c r="C104" s="681"/>
      <c r="D104" s="681"/>
      <c r="E104" s="681"/>
      <c r="F104" s="681"/>
      <c r="G104" s="681"/>
    </row>
    <row r="105" spans="1:7" s="10" customFormat="1">
      <c r="A105" s="681"/>
      <c r="B105" s="681"/>
      <c r="C105" s="681"/>
      <c r="D105" s="681"/>
      <c r="E105" s="681"/>
      <c r="F105" s="681"/>
      <c r="G105" s="681"/>
    </row>
    <row r="106" spans="1:7" s="10" customFormat="1">
      <c r="A106" s="28" t="s">
        <v>238</v>
      </c>
      <c r="B106" s="6"/>
      <c r="C106" s="6"/>
      <c r="D106" s="6"/>
      <c r="E106" s="6"/>
      <c r="F106" s="6"/>
      <c r="G106" s="6"/>
    </row>
    <row r="107" spans="1:7" s="10" customFormat="1">
      <c r="A107" s="28" t="s">
        <v>241</v>
      </c>
      <c r="B107" s="6"/>
      <c r="C107" s="6"/>
      <c r="D107" s="6"/>
      <c r="E107" s="6"/>
      <c r="F107" s="6"/>
      <c r="G107" s="6"/>
    </row>
    <row r="108" spans="1:7" s="10" customFormat="1">
      <c r="A108" s="28" t="s">
        <v>243</v>
      </c>
      <c r="B108" s="6"/>
      <c r="C108" s="6"/>
      <c r="D108" s="6"/>
      <c r="E108" s="6"/>
      <c r="F108" s="6"/>
      <c r="G108" s="6"/>
    </row>
    <row r="109" spans="1:7" s="10" customFormat="1">
      <c r="A109" s="28" t="s">
        <v>245</v>
      </c>
      <c r="B109" s="6"/>
      <c r="C109" s="6"/>
      <c r="D109" s="6"/>
      <c r="E109" s="6"/>
      <c r="F109" s="6"/>
      <c r="G109" s="6"/>
    </row>
    <row r="110" spans="1:7" s="10" customFormat="1">
      <c r="A110" s="6"/>
      <c r="B110" s="6"/>
      <c r="C110" s="6"/>
      <c r="D110" s="6"/>
      <c r="E110" s="6"/>
      <c r="F110" s="6"/>
      <c r="G110" s="6"/>
    </row>
    <row r="111" spans="1:7" s="10" customFormat="1" ht="29.25" customHeight="1">
      <c r="A111" s="55" t="s">
        <v>260</v>
      </c>
      <c r="B111" s="6"/>
      <c r="C111" s="56" t="s">
        <v>261</v>
      </c>
      <c r="D111" s="6"/>
      <c r="E111" s="6"/>
      <c r="F111" s="6"/>
      <c r="G111" s="6"/>
    </row>
    <row r="112" spans="1:7" s="10" customFormat="1">
      <c r="A112" s="28" t="s">
        <v>119</v>
      </c>
      <c r="B112" s="6"/>
      <c r="C112" s="6"/>
      <c r="D112" s="6"/>
      <c r="E112" s="6"/>
      <c r="F112" s="6"/>
      <c r="G112" s="6"/>
    </row>
    <row r="113" spans="1:7" s="10" customFormat="1">
      <c r="A113" s="28" t="s">
        <v>123</v>
      </c>
      <c r="B113" s="6"/>
      <c r="C113" s="6"/>
      <c r="D113" s="6"/>
      <c r="E113" s="6"/>
      <c r="F113" s="6"/>
      <c r="G113" s="6"/>
    </row>
    <row r="114" spans="1:7" s="10" customFormat="1">
      <c r="A114" s="28" t="s">
        <v>129</v>
      </c>
      <c r="B114" s="6"/>
      <c r="C114" s="6"/>
      <c r="D114" s="6"/>
      <c r="E114" s="6"/>
      <c r="F114" s="6"/>
      <c r="G114" s="6"/>
    </row>
    <row r="115" spans="1:7" s="10" customFormat="1">
      <c r="A115" s="28" t="s">
        <v>131</v>
      </c>
      <c r="B115" s="6"/>
      <c r="C115" s="6"/>
      <c r="D115" s="6"/>
      <c r="E115" s="6"/>
      <c r="F115" s="6"/>
      <c r="G115" s="6"/>
    </row>
    <row r="116" spans="1:7" s="10" customFormat="1">
      <c r="A116" s="28" t="s">
        <v>133</v>
      </c>
      <c r="B116" s="6"/>
      <c r="C116" s="6"/>
      <c r="D116" s="6"/>
      <c r="E116" s="6"/>
      <c r="F116" s="6"/>
      <c r="G116" s="6"/>
    </row>
    <row r="117" spans="1:7" s="10" customFormat="1">
      <c r="A117" s="28" t="s">
        <v>142</v>
      </c>
      <c r="B117" s="6"/>
      <c r="C117" s="6"/>
      <c r="D117" s="6"/>
      <c r="E117" s="6"/>
      <c r="F117" s="6"/>
      <c r="G117" s="6"/>
    </row>
    <row r="118" spans="1:7" s="10" customFormat="1" ht="14.25" customHeight="1">
      <c r="A118" s="682" t="s">
        <v>323</v>
      </c>
      <c r="B118" s="682"/>
      <c r="C118" s="682"/>
      <c r="D118" s="682"/>
      <c r="E118" s="682"/>
      <c r="F118" s="682"/>
      <c r="G118" s="682"/>
    </row>
    <row r="119" spans="1:7" s="10" customFormat="1">
      <c r="A119" s="28" t="s">
        <v>145</v>
      </c>
      <c r="B119" s="6"/>
      <c r="C119" s="6"/>
      <c r="D119" s="6"/>
      <c r="E119" s="6"/>
      <c r="F119" s="6"/>
      <c r="G119" s="6"/>
    </row>
    <row r="120" spans="1:7" s="10" customFormat="1">
      <c r="A120" s="28" t="s">
        <v>149</v>
      </c>
      <c r="B120" s="6"/>
      <c r="C120" s="6"/>
      <c r="D120" s="6"/>
      <c r="E120" s="6"/>
      <c r="F120" s="6"/>
      <c r="G120" s="6"/>
    </row>
    <row r="121" spans="1:7" s="10" customFormat="1">
      <c r="A121" s="28" t="s">
        <v>151</v>
      </c>
      <c r="B121" s="6"/>
      <c r="C121" s="6"/>
      <c r="D121" s="6"/>
      <c r="E121" s="6"/>
      <c r="F121" s="6"/>
      <c r="G121" s="6"/>
    </row>
    <row r="122" spans="1:7" s="10" customFormat="1">
      <c r="A122" s="28" t="s">
        <v>156</v>
      </c>
      <c r="B122" s="6"/>
      <c r="C122" s="6"/>
      <c r="D122" s="6"/>
      <c r="E122" s="6"/>
      <c r="F122" s="6"/>
      <c r="G122" s="6"/>
    </row>
    <row r="123" spans="1:7" s="10" customFormat="1">
      <c r="A123" s="681" t="s">
        <v>324</v>
      </c>
      <c r="B123" s="681"/>
      <c r="C123" s="681"/>
      <c r="D123" s="681"/>
      <c r="E123" s="681"/>
      <c r="F123" s="681"/>
      <c r="G123" s="681"/>
    </row>
    <row r="124" spans="1:7" s="10" customFormat="1">
      <c r="A124" s="681"/>
      <c r="B124" s="681"/>
      <c r="C124" s="681"/>
      <c r="D124" s="681"/>
      <c r="E124" s="681"/>
      <c r="F124" s="681"/>
      <c r="G124" s="681"/>
    </row>
    <row r="125" spans="1:7" s="10" customFormat="1">
      <c r="A125" s="28" t="s">
        <v>161</v>
      </c>
      <c r="B125" s="6"/>
      <c r="C125" s="6"/>
      <c r="D125" s="6"/>
      <c r="E125" s="6"/>
      <c r="F125" s="6"/>
      <c r="G125" s="6"/>
    </row>
    <row r="126" spans="1:7" s="10" customFormat="1">
      <c r="A126" s="28" t="s">
        <v>164</v>
      </c>
      <c r="B126" s="6"/>
      <c r="C126" s="6"/>
      <c r="D126" s="6"/>
      <c r="E126" s="6"/>
      <c r="F126" s="6"/>
      <c r="G126" s="6"/>
    </row>
    <row r="127" spans="1:7" s="10" customFormat="1">
      <c r="A127" s="28" t="s">
        <v>167</v>
      </c>
      <c r="B127" s="6"/>
      <c r="C127" s="6"/>
      <c r="D127" s="6"/>
      <c r="E127" s="6"/>
      <c r="F127" s="6"/>
      <c r="G127" s="6"/>
    </row>
    <row r="128" spans="1:7" s="10" customFormat="1">
      <c r="A128" s="28" t="s">
        <v>168</v>
      </c>
      <c r="B128" s="6"/>
      <c r="C128" s="6"/>
      <c r="D128" s="6"/>
      <c r="E128" s="6"/>
      <c r="F128" s="6"/>
      <c r="G128" s="6"/>
    </row>
    <row r="129" spans="1:7" s="10" customFormat="1">
      <c r="A129" s="28" t="s">
        <v>170</v>
      </c>
      <c r="B129" s="6"/>
      <c r="C129" s="6"/>
      <c r="D129" s="6"/>
      <c r="E129" s="6"/>
      <c r="F129" s="6"/>
      <c r="G129" s="6"/>
    </row>
    <row r="130" spans="1:7" s="10" customFormat="1">
      <c r="A130" s="28" t="s">
        <v>171</v>
      </c>
      <c r="B130" s="6"/>
      <c r="C130" s="6"/>
      <c r="D130" s="6"/>
      <c r="E130" s="6"/>
      <c r="F130" s="6"/>
      <c r="G130" s="6"/>
    </row>
    <row r="131" spans="1:7" s="10" customFormat="1">
      <c r="A131" s="28" t="s">
        <v>172</v>
      </c>
      <c r="B131" s="6"/>
      <c r="C131" s="6"/>
      <c r="D131" s="6"/>
      <c r="E131" s="6"/>
      <c r="F131" s="6"/>
      <c r="G131" s="6"/>
    </row>
    <row r="132" spans="1:7" s="10" customFormat="1">
      <c r="A132" s="28" t="s">
        <v>175</v>
      </c>
      <c r="B132" s="6"/>
      <c r="C132" s="6"/>
      <c r="D132" s="6"/>
      <c r="E132" s="6"/>
      <c r="F132" s="6"/>
      <c r="G132" s="6"/>
    </row>
    <row r="133" spans="1:7" s="10" customFormat="1">
      <c r="A133" s="28" t="s">
        <v>179</v>
      </c>
      <c r="B133" s="6"/>
      <c r="C133" s="6"/>
      <c r="D133" s="6"/>
      <c r="E133" s="6"/>
      <c r="F133" s="6"/>
      <c r="G133" s="6"/>
    </row>
    <row r="134" spans="1:7" s="10" customFormat="1">
      <c r="A134" s="28" t="s">
        <v>183</v>
      </c>
      <c r="B134" s="6"/>
      <c r="C134" s="6"/>
      <c r="D134" s="6"/>
      <c r="E134" s="6"/>
      <c r="F134" s="6"/>
      <c r="G134" s="6"/>
    </row>
    <row r="135" spans="1:7" s="10" customFormat="1" ht="18.75" customHeight="1">
      <c r="A135" s="681" t="s">
        <v>184</v>
      </c>
      <c r="B135" s="681"/>
      <c r="C135" s="681"/>
      <c r="D135" s="681"/>
      <c r="E135" s="681"/>
      <c r="F135" s="681"/>
      <c r="G135" s="681"/>
    </row>
    <row r="136" spans="1:7" s="10" customFormat="1">
      <c r="A136" s="681" t="s">
        <v>185</v>
      </c>
      <c r="B136" s="681"/>
      <c r="C136" s="681"/>
      <c r="D136" s="681"/>
      <c r="E136" s="681"/>
      <c r="F136" s="681"/>
      <c r="G136" s="681"/>
    </row>
    <row r="137" spans="1:7" s="10" customFormat="1">
      <c r="A137" s="681"/>
      <c r="B137" s="681"/>
      <c r="C137" s="681"/>
      <c r="D137" s="681"/>
      <c r="E137" s="681"/>
      <c r="F137" s="681"/>
      <c r="G137" s="681"/>
    </row>
    <row r="138" spans="1:7" s="10" customFormat="1">
      <c r="A138" s="28" t="s">
        <v>188</v>
      </c>
      <c r="B138" s="6"/>
      <c r="C138" s="6"/>
      <c r="D138" s="6"/>
      <c r="E138" s="6"/>
      <c r="F138" s="6"/>
      <c r="G138" s="6"/>
    </row>
    <row r="139" spans="1:7" s="10" customFormat="1">
      <c r="A139" s="28" t="s">
        <v>190</v>
      </c>
      <c r="B139" s="6"/>
      <c r="C139" s="6"/>
      <c r="D139" s="6"/>
      <c r="E139" s="6"/>
      <c r="F139" s="6"/>
      <c r="G139" s="6"/>
    </row>
    <row r="140" spans="1:7" s="10" customFormat="1">
      <c r="A140" s="28" t="s">
        <v>192</v>
      </c>
      <c r="B140" s="6"/>
      <c r="C140" s="6"/>
      <c r="D140" s="6"/>
      <c r="E140" s="6"/>
      <c r="F140" s="6"/>
      <c r="G140" s="6"/>
    </row>
    <row r="141" spans="1:7" s="10" customFormat="1">
      <c r="A141" s="28" t="s">
        <v>194</v>
      </c>
      <c r="B141" s="6"/>
      <c r="C141" s="6"/>
      <c r="D141" s="6"/>
      <c r="E141" s="6"/>
      <c r="F141" s="6"/>
      <c r="G141" s="6"/>
    </row>
    <row r="142" spans="1:7" s="10" customFormat="1">
      <c r="A142" s="28" t="s">
        <v>198</v>
      </c>
      <c r="B142" s="6"/>
      <c r="C142" s="6"/>
      <c r="D142" s="6"/>
      <c r="E142" s="6"/>
      <c r="F142" s="6"/>
      <c r="G142" s="6"/>
    </row>
    <row r="143" spans="1:7" s="10" customFormat="1">
      <c r="A143" s="28" t="s">
        <v>201</v>
      </c>
      <c r="B143" s="6"/>
      <c r="C143" s="6"/>
      <c r="D143" s="6"/>
      <c r="E143" s="6"/>
      <c r="F143" s="6"/>
      <c r="G143" s="6"/>
    </row>
    <row r="144" spans="1:7" s="10" customFormat="1">
      <c r="A144" s="28" t="s">
        <v>208</v>
      </c>
      <c r="B144" s="6"/>
      <c r="C144" s="6"/>
      <c r="D144" s="6"/>
      <c r="E144" s="6"/>
      <c r="F144" s="6"/>
      <c r="G144" s="6"/>
    </row>
    <row r="145" spans="1:7" s="10" customFormat="1" ht="14.25" customHeight="1">
      <c r="A145" s="681" t="s">
        <v>216</v>
      </c>
      <c r="B145" s="681"/>
      <c r="C145" s="681"/>
      <c r="D145" s="681"/>
      <c r="E145" s="681"/>
      <c r="F145" s="681"/>
      <c r="G145" s="681"/>
    </row>
    <row r="146" spans="1:7" s="10" customFormat="1">
      <c r="A146" s="28" t="s">
        <v>220</v>
      </c>
      <c r="B146" s="6"/>
      <c r="C146" s="6"/>
      <c r="D146" s="6"/>
      <c r="E146" s="6"/>
      <c r="F146" s="6"/>
      <c r="G146" s="6"/>
    </row>
    <row r="147" spans="1:7" s="10" customFormat="1">
      <c r="A147" s="28" t="s">
        <v>224</v>
      </c>
      <c r="B147" s="6"/>
      <c r="C147" s="6"/>
      <c r="D147" s="6"/>
      <c r="E147" s="6"/>
      <c r="F147" s="6"/>
      <c r="G147" s="6"/>
    </row>
    <row r="148" spans="1:7" s="10" customFormat="1">
      <c r="A148" s="28" t="s">
        <v>227</v>
      </c>
      <c r="B148" s="6"/>
      <c r="C148" s="6"/>
      <c r="D148" s="6"/>
      <c r="E148" s="6"/>
      <c r="F148" s="6"/>
      <c r="G148" s="6"/>
    </row>
    <row r="149" spans="1:7" s="10" customFormat="1">
      <c r="A149" s="28" t="s">
        <v>230</v>
      </c>
      <c r="B149" s="6"/>
      <c r="C149" s="6"/>
      <c r="D149" s="6"/>
      <c r="E149" s="6"/>
      <c r="F149" s="6"/>
      <c r="G149" s="6"/>
    </row>
    <row r="150" spans="1:7" s="10" customFormat="1">
      <c r="A150" s="28" t="s">
        <v>232</v>
      </c>
      <c r="B150" s="6"/>
      <c r="C150" s="6"/>
      <c r="D150" s="6"/>
      <c r="E150" s="6"/>
      <c r="F150" s="6"/>
      <c r="G150" s="6"/>
    </row>
    <row r="151" spans="1:7" s="10" customFormat="1">
      <c r="A151" s="28" t="s">
        <v>233</v>
      </c>
      <c r="B151" s="6"/>
      <c r="C151" s="6"/>
      <c r="D151" s="6"/>
      <c r="E151" s="6"/>
      <c r="F151" s="6"/>
      <c r="G151" s="6"/>
    </row>
    <row r="152" spans="1:7" s="10" customFormat="1">
      <c r="A152" s="28" t="s">
        <v>236</v>
      </c>
      <c r="B152" s="6"/>
      <c r="C152" s="6"/>
      <c r="D152" s="6"/>
      <c r="E152" s="6"/>
      <c r="F152" s="6"/>
      <c r="G152" s="6"/>
    </row>
    <row r="153" spans="1:7" s="10" customFormat="1">
      <c r="A153" s="28" t="s">
        <v>239</v>
      </c>
      <c r="B153" s="6"/>
      <c r="C153" s="6"/>
      <c r="D153" s="6"/>
      <c r="E153" s="6"/>
      <c r="F153" s="6"/>
      <c r="G153" s="6"/>
    </row>
    <row r="154" spans="1:7" s="10" customFormat="1">
      <c r="A154" s="681" t="s">
        <v>240</v>
      </c>
      <c r="B154" s="681"/>
      <c r="C154" s="681"/>
      <c r="D154" s="681"/>
      <c r="E154" s="681"/>
      <c r="F154" s="681"/>
      <c r="G154" s="681"/>
    </row>
    <row r="155" spans="1:7" s="10" customFormat="1">
      <c r="A155" s="681"/>
      <c r="B155" s="681"/>
      <c r="C155" s="681"/>
      <c r="D155" s="681"/>
      <c r="E155" s="681"/>
      <c r="F155" s="681"/>
      <c r="G155" s="681"/>
    </row>
    <row r="156" spans="1:7" s="10" customFormat="1">
      <c r="A156" s="28" t="s">
        <v>242</v>
      </c>
      <c r="B156" s="6"/>
      <c r="C156" s="6"/>
      <c r="D156" s="6"/>
      <c r="E156" s="6"/>
      <c r="F156" s="6"/>
      <c r="G156" s="6"/>
    </row>
    <row r="157" spans="1:7" s="10" customFormat="1">
      <c r="A157" s="28" t="s">
        <v>244</v>
      </c>
      <c r="B157" s="6"/>
      <c r="C157" s="6"/>
      <c r="D157" s="6"/>
      <c r="E157" s="6"/>
      <c r="F157" s="6"/>
      <c r="G157" s="6"/>
    </row>
    <row r="158" spans="1:7" s="10" customFormat="1">
      <c r="A158" s="6"/>
      <c r="B158" s="6"/>
      <c r="C158" s="6"/>
      <c r="D158" s="6"/>
      <c r="E158" s="6"/>
      <c r="F158" s="6"/>
      <c r="G158" s="6"/>
    </row>
    <row r="159" spans="1:7" s="10" customFormat="1"/>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K70"/>
  <sheetViews>
    <sheetView view="pageBreakPreview" topLeftCell="A4" zoomScale="50" zoomScaleNormal="80" zoomScaleSheetLayoutView="50" workbookViewId="0">
      <selection activeCell="B2" sqref="B2"/>
    </sheetView>
  </sheetViews>
  <sheetFormatPr defaultColWidth="9" defaultRowHeight="45" customHeight="1"/>
  <cols>
    <col min="1" max="1" width="5.25" style="316" customWidth="1"/>
    <col min="2" max="9" width="20.25" style="316" customWidth="1"/>
    <col min="10" max="10" width="6.625" style="316" customWidth="1"/>
    <col min="11" max="16384" width="9" style="316"/>
  </cols>
  <sheetData>
    <row r="1" spans="1:10" ht="45" customHeight="1">
      <c r="A1" s="400" t="s">
        <v>557</v>
      </c>
    </row>
    <row r="2" spans="1:10" ht="45" customHeight="1" thickBot="1">
      <c r="B2" s="401" t="s">
        <v>585</v>
      </c>
      <c r="C2" s="401"/>
      <c r="D2" s="401"/>
      <c r="E2" s="401"/>
      <c r="F2" s="401"/>
    </row>
    <row r="3" spans="1:10" ht="45" customHeight="1" thickBot="1">
      <c r="B3" s="547"/>
      <c r="C3" s="385" t="s">
        <v>22</v>
      </c>
      <c r="D3" s="385" t="s">
        <v>21</v>
      </c>
      <c r="E3" s="385" t="s">
        <v>20</v>
      </c>
      <c r="F3" s="432" t="s">
        <v>19</v>
      </c>
    </row>
    <row r="4" spans="1:10" ht="45" customHeight="1" thickTop="1" thickBot="1">
      <c r="B4" s="548" t="s">
        <v>551</v>
      </c>
      <c r="C4" s="549">
        <v>0</v>
      </c>
      <c r="D4" s="549">
        <v>0</v>
      </c>
      <c r="E4" s="549">
        <v>2</v>
      </c>
      <c r="F4" s="550">
        <v>0</v>
      </c>
    </row>
    <row r="5" spans="1:10" ht="22.5" customHeight="1">
      <c r="B5" s="386"/>
      <c r="C5" s="391"/>
      <c r="D5" s="391"/>
      <c r="E5" s="391"/>
      <c r="F5" s="391"/>
    </row>
    <row r="6" spans="1:10" ht="45" customHeight="1" thickBot="1">
      <c r="B6" s="317" t="s">
        <v>563</v>
      </c>
      <c r="C6" s="401"/>
      <c r="D6" s="336"/>
      <c r="E6" s="551"/>
    </row>
    <row r="7" spans="1:10" ht="45" customHeight="1" thickBot="1">
      <c r="B7" s="552"/>
      <c r="C7" s="385" t="s">
        <v>102</v>
      </c>
      <c r="D7" s="432" t="s">
        <v>101</v>
      </c>
    </row>
    <row r="8" spans="1:10" ht="45" customHeight="1" thickTop="1">
      <c r="B8" s="553" t="s">
        <v>1</v>
      </c>
      <c r="C8" s="255">
        <v>96</v>
      </c>
      <c r="D8" s="390">
        <v>458</v>
      </c>
      <c r="E8" s="386"/>
    </row>
    <row r="9" spans="1:10" ht="45" customHeight="1" thickBot="1">
      <c r="B9" s="554" t="s">
        <v>351</v>
      </c>
      <c r="C9" s="343">
        <v>17.328519855595665</v>
      </c>
      <c r="D9" s="448">
        <v>82.671480144404327</v>
      </c>
      <c r="E9" s="391"/>
    </row>
    <row r="10" spans="1:10" ht="22.5" customHeight="1">
      <c r="B10" s="555"/>
      <c r="C10" s="556"/>
      <c r="D10" s="556"/>
      <c r="E10" s="391"/>
    </row>
    <row r="11" spans="1:10" ht="45" customHeight="1" thickBot="1">
      <c r="B11" s="317" t="s">
        <v>562</v>
      </c>
      <c r="C11" s="317"/>
      <c r="D11" s="546"/>
      <c r="E11" s="317"/>
    </row>
    <row r="12" spans="1:10" ht="45" customHeight="1" thickBot="1">
      <c r="B12" s="557"/>
      <c r="C12" s="558" t="s">
        <v>102</v>
      </c>
      <c r="D12" s="559" t="s">
        <v>101</v>
      </c>
    </row>
    <row r="13" spans="1:10" ht="45" customHeight="1" thickTop="1">
      <c r="B13" s="560" t="s">
        <v>1</v>
      </c>
      <c r="C13" s="255">
        <v>128</v>
      </c>
      <c r="D13" s="390">
        <v>423</v>
      </c>
      <c r="E13" s="386"/>
    </row>
    <row r="14" spans="1:10" ht="45" customHeight="1" thickBot="1">
      <c r="B14" s="561" t="s">
        <v>351</v>
      </c>
      <c r="C14" s="343">
        <v>23.230490018148821</v>
      </c>
      <c r="D14" s="448">
        <v>76.769509981851186</v>
      </c>
      <c r="E14" s="391"/>
      <c r="J14" s="401"/>
    </row>
    <row r="15" spans="1:10" ht="45" customHeight="1">
      <c r="B15" s="562"/>
      <c r="C15" s="562"/>
      <c r="D15" s="562"/>
      <c r="E15" s="551"/>
    </row>
    <row r="16" spans="1:10" ht="45" customHeight="1" thickBot="1">
      <c r="A16" s="400" t="s">
        <v>581</v>
      </c>
      <c r="C16" s="400"/>
      <c r="D16" s="400"/>
      <c r="E16" s="400"/>
      <c r="F16" s="400"/>
      <c r="G16" s="400"/>
      <c r="H16" s="401"/>
      <c r="I16" s="401"/>
    </row>
    <row r="17" spans="1:10" ht="45" customHeight="1" thickBot="1">
      <c r="B17" s="402" t="s">
        <v>99</v>
      </c>
      <c r="C17" s="688" t="s">
        <v>98</v>
      </c>
      <c r="D17" s="689"/>
      <c r="E17" s="403" t="s">
        <v>551</v>
      </c>
      <c r="F17" s="402" t="s">
        <v>97</v>
      </c>
      <c r="G17" s="690" t="s">
        <v>98</v>
      </c>
      <c r="H17" s="691"/>
      <c r="I17" s="421" t="s">
        <v>551</v>
      </c>
    </row>
    <row r="18" spans="1:10" ht="45" customHeight="1" thickTop="1">
      <c r="B18" s="406" t="s">
        <v>483</v>
      </c>
      <c r="C18" s="407" t="s">
        <v>424</v>
      </c>
      <c r="D18" s="408"/>
      <c r="E18" s="390">
        <v>56</v>
      </c>
      <c r="F18" s="409" t="s">
        <v>484</v>
      </c>
      <c r="G18" s="407" t="s">
        <v>428</v>
      </c>
      <c r="H18" s="408"/>
      <c r="I18" s="390">
        <v>29</v>
      </c>
    </row>
    <row r="19" spans="1:10" ht="45" customHeight="1">
      <c r="B19" s="406"/>
      <c r="C19" s="419" t="s">
        <v>425</v>
      </c>
      <c r="D19" s="420"/>
      <c r="E19" s="395">
        <v>4</v>
      </c>
      <c r="F19" s="409"/>
      <c r="G19" s="419" t="s">
        <v>429</v>
      </c>
      <c r="H19" s="420"/>
      <c r="I19" s="395">
        <v>25</v>
      </c>
    </row>
    <row r="20" spans="1:10" ht="45" customHeight="1">
      <c r="B20" s="410"/>
      <c r="C20" s="419" t="s">
        <v>426</v>
      </c>
      <c r="D20" s="420"/>
      <c r="E20" s="395">
        <v>2</v>
      </c>
      <c r="F20" s="411"/>
      <c r="G20" s="412" t="s">
        <v>430</v>
      </c>
      <c r="H20" s="413"/>
      <c r="I20" s="395">
        <v>7</v>
      </c>
    </row>
    <row r="21" spans="1:10" ht="45" customHeight="1">
      <c r="B21" s="410"/>
      <c r="C21" s="419" t="s">
        <v>427</v>
      </c>
      <c r="D21" s="420"/>
      <c r="E21" s="395">
        <v>1</v>
      </c>
      <c r="F21" s="414"/>
      <c r="G21" s="419" t="s">
        <v>431</v>
      </c>
      <c r="H21" s="420"/>
      <c r="I21" s="395">
        <v>2</v>
      </c>
      <c r="J21" s="430"/>
    </row>
    <row r="22" spans="1:10" ht="45" customHeight="1">
      <c r="B22" s="410"/>
      <c r="C22" s="415" t="s">
        <v>462</v>
      </c>
      <c r="D22" s="416"/>
      <c r="E22" s="417">
        <v>2</v>
      </c>
      <c r="F22" s="418"/>
      <c r="G22" s="686" t="s">
        <v>432</v>
      </c>
      <c r="H22" s="687"/>
      <c r="I22" s="395">
        <v>5</v>
      </c>
      <c r="J22" s="430"/>
    </row>
    <row r="23" spans="1:10" ht="45" customHeight="1" thickBot="1">
      <c r="B23" s="410"/>
      <c r="C23" s="415" t="s">
        <v>463</v>
      </c>
      <c r="D23" s="416"/>
      <c r="E23" s="417">
        <v>1</v>
      </c>
      <c r="F23" s="414"/>
      <c r="G23" s="412" t="s">
        <v>433</v>
      </c>
      <c r="H23" s="413"/>
      <c r="I23" s="395">
        <v>2</v>
      </c>
      <c r="J23" s="430"/>
    </row>
    <row r="24" spans="1:10" ht="45" customHeight="1" thickBot="1">
      <c r="B24" s="692" t="s">
        <v>485</v>
      </c>
      <c r="C24" s="693"/>
      <c r="D24" s="691"/>
      <c r="E24" s="421" t="s">
        <v>551</v>
      </c>
      <c r="F24" s="418"/>
      <c r="G24" s="686" t="s">
        <v>464</v>
      </c>
      <c r="H24" s="687"/>
      <c r="I24" s="395">
        <v>1</v>
      </c>
      <c r="J24" s="391"/>
    </row>
    <row r="25" spans="1:10" ht="45" customHeight="1" thickTop="1">
      <c r="B25" s="422" t="s">
        <v>473</v>
      </c>
      <c r="C25" s="423"/>
      <c r="D25" s="424"/>
      <c r="E25" s="425">
        <v>25</v>
      </c>
      <c r="F25" s="418"/>
      <c r="G25" s="419" t="s">
        <v>465</v>
      </c>
      <c r="H25" s="420"/>
      <c r="I25" s="395">
        <v>1</v>
      </c>
      <c r="J25" s="391"/>
    </row>
    <row r="26" spans="1:10" ht="45" customHeight="1" thickBot="1">
      <c r="B26" s="563" t="s">
        <v>472</v>
      </c>
      <c r="C26" s="564"/>
      <c r="D26" s="565"/>
      <c r="E26" s="550">
        <v>2</v>
      </c>
      <c r="F26" s="426"/>
      <c r="G26" s="427" t="s">
        <v>486</v>
      </c>
      <c r="H26" s="428"/>
      <c r="I26" s="399">
        <v>3</v>
      </c>
      <c r="J26" s="391"/>
    </row>
    <row r="27" spans="1:10" ht="45" customHeight="1">
      <c r="B27" s="391"/>
      <c r="C27" s="391"/>
      <c r="D27" s="391"/>
      <c r="E27" s="391"/>
      <c r="F27" s="391"/>
      <c r="G27" s="317"/>
      <c r="H27" s="317"/>
      <c r="I27" s="391"/>
      <c r="J27" s="391"/>
    </row>
    <row r="28" spans="1:10" ht="45" customHeight="1">
      <c r="A28" s="400" t="s">
        <v>558</v>
      </c>
      <c r="G28" s="317"/>
      <c r="H28" s="317"/>
      <c r="I28" s="317"/>
    </row>
    <row r="29" spans="1:10" ht="45" customHeight="1" thickBot="1">
      <c r="B29" s="316" t="s">
        <v>559</v>
      </c>
      <c r="G29" s="429"/>
      <c r="H29" s="429"/>
      <c r="I29" s="317"/>
    </row>
    <row r="30" spans="1:10" ht="45" customHeight="1" thickBot="1">
      <c r="B30" s="566"/>
      <c r="C30" s="558" t="s">
        <v>482</v>
      </c>
      <c r="D30" s="559" t="s">
        <v>100</v>
      </c>
      <c r="G30" s="317"/>
      <c r="H30" s="317"/>
      <c r="I30" s="391"/>
    </row>
    <row r="31" spans="1:10" ht="45" customHeight="1" thickTop="1" thickBot="1">
      <c r="B31" s="567" t="s">
        <v>551</v>
      </c>
      <c r="C31" s="549">
        <v>16</v>
      </c>
      <c r="D31" s="550">
        <v>2</v>
      </c>
      <c r="F31" s="391"/>
      <c r="G31" s="317"/>
      <c r="H31" s="317"/>
      <c r="I31" s="391"/>
    </row>
    <row r="32" spans="1:10" ht="22.5" customHeight="1">
      <c r="G32" s="391"/>
      <c r="H32" s="391"/>
      <c r="I32" s="391"/>
    </row>
    <row r="33" spans="1:10" ht="45" customHeight="1" thickBot="1">
      <c r="B33" s="315" t="s">
        <v>578</v>
      </c>
      <c r="C33" s="315"/>
      <c r="D33" s="315"/>
      <c r="G33" s="317"/>
      <c r="H33" s="317"/>
      <c r="I33" s="391"/>
    </row>
    <row r="34" spans="1:10" ht="45" customHeight="1" thickBot="1">
      <c r="B34" s="557"/>
      <c r="C34" s="558" t="s">
        <v>102</v>
      </c>
      <c r="D34" s="568" t="s">
        <v>101</v>
      </c>
      <c r="F34" s="317"/>
      <c r="G34" s="391"/>
      <c r="H34" s="391"/>
      <c r="I34" s="391"/>
    </row>
    <row r="35" spans="1:10" ht="45" customHeight="1" thickTop="1">
      <c r="B35" s="560" t="s">
        <v>1</v>
      </c>
      <c r="C35" s="509">
        <v>16</v>
      </c>
      <c r="D35" s="323">
        <v>531</v>
      </c>
      <c r="E35" s="569"/>
      <c r="F35" s="391"/>
      <c r="G35" s="391"/>
      <c r="H35" s="391"/>
      <c r="I35" s="391"/>
    </row>
    <row r="36" spans="1:10" ht="45" customHeight="1" thickBot="1">
      <c r="B36" s="561" t="s">
        <v>351</v>
      </c>
      <c r="C36" s="570">
        <v>2.9250457038391224</v>
      </c>
      <c r="D36" s="571">
        <v>97.074954296160882</v>
      </c>
      <c r="E36" s="386"/>
      <c r="F36" s="391"/>
      <c r="G36" s="391"/>
      <c r="H36" s="391"/>
      <c r="I36" s="391"/>
    </row>
    <row r="37" spans="1:10" ht="22.5" customHeight="1">
      <c r="B37" s="317"/>
      <c r="C37" s="317"/>
      <c r="D37" s="556"/>
      <c r="E37" s="391"/>
      <c r="F37" s="391"/>
      <c r="G37" s="391"/>
      <c r="H37" s="391"/>
      <c r="I37" s="391"/>
    </row>
    <row r="38" spans="1:10" ht="45" customHeight="1" thickBot="1">
      <c r="B38" s="492" t="s">
        <v>560</v>
      </c>
      <c r="C38" s="492"/>
      <c r="D38" s="315"/>
      <c r="E38" s="572"/>
      <c r="F38" s="391"/>
      <c r="G38" s="391"/>
      <c r="H38" s="391"/>
      <c r="I38" s="391"/>
    </row>
    <row r="39" spans="1:10" ht="45" customHeight="1" thickBot="1">
      <c r="B39" s="557"/>
      <c r="C39" s="558" t="s">
        <v>102</v>
      </c>
      <c r="D39" s="559" t="s">
        <v>101</v>
      </c>
      <c r="E39" s="556"/>
      <c r="F39" s="391"/>
      <c r="G39" s="391"/>
      <c r="H39" s="391"/>
      <c r="I39" s="391"/>
    </row>
    <row r="40" spans="1:10" ht="45" customHeight="1" thickTop="1" thickBot="1">
      <c r="B40" s="567" t="s">
        <v>1</v>
      </c>
      <c r="C40" s="549">
        <v>9</v>
      </c>
      <c r="D40" s="550">
        <v>7</v>
      </c>
      <c r="E40" s="573"/>
      <c r="F40" s="391"/>
      <c r="G40" s="391"/>
      <c r="H40" s="391"/>
      <c r="I40" s="391"/>
    </row>
    <row r="41" spans="1:10" ht="45" customHeight="1">
      <c r="E41" s="391"/>
      <c r="F41" s="391"/>
      <c r="G41" s="391"/>
      <c r="H41" s="391"/>
      <c r="I41" s="391"/>
    </row>
    <row r="42" spans="1:10" ht="45" customHeight="1" thickBot="1">
      <c r="A42" s="430" t="s">
        <v>561</v>
      </c>
      <c r="C42" s="430"/>
      <c r="D42" s="430"/>
      <c r="F42" s="391"/>
      <c r="G42" s="431"/>
      <c r="H42" s="431"/>
      <c r="I42" s="391"/>
      <c r="J42" s="431"/>
    </row>
    <row r="43" spans="1:10" ht="45" customHeight="1" thickBot="1">
      <c r="B43" s="683" t="s">
        <v>485</v>
      </c>
      <c r="C43" s="684"/>
      <c r="D43" s="685"/>
      <c r="E43" s="432" t="s">
        <v>551</v>
      </c>
      <c r="F43" s="391"/>
      <c r="G43" s="391"/>
      <c r="H43" s="391"/>
      <c r="I43" s="431"/>
    </row>
    <row r="44" spans="1:10" ht="45" customHeight="1" thickTop="1">
      <c r="B44" s="422" t="s">
        <v>487</v>
      </c>
      <c r="C44" s="423"/>
      <c r="D44" s="424"/>
      <c r="E44" s="425">
        <v>32</v>
      </c>
      <c r="F44" s="391"/>
      <c r="G44" s="391"/>
      <c r="H44" s="391"/>
      <c r="I44" s="391"/>
    </row>
    <row r="45" spans="1:10" ht="45" customHeight="1" thickBot="1">
      <c r="B45" s="563" t="s">
        <v>488</v>
      </c>
      <c r="C45" s="564"/>
      <c r="D45" s="565"/>
      <c r="E45" s="550">
        <v>220</v>
      </c>
      <c r="F45" s="391"/>
      <c r="G45" s="431"/>
      <c r="H45" s="431"/>
      <c r="I45" s="391"/>
    </row>
    <row r="46" spans="1:10" ht="45" customHeight="1">
      <c r="B46" s="391"/>
      <c r="C46" s="391"/>
      <c r="D46" s="391"/>
      <c r="E46" s="391"/>
      <c r="F46" s="431"/>
      <c r="G46" s="391"/>
      <c r="H46" s="391"/>
      <c r="I46" s="391"/>
    </row>
    <row r="47" spans="1:10" ht="45" customHeight="1">
      <c r="B47" s="391"/>
      <c r="C47" s="391"/>
      <c r="D47" s="391"/>
      <c r="E47" s="391"/>
      <c r="F47" s="391"/>
      <c r="G47" s="391"/>
      <c r="H47" s="391"/>
      <c r="I47" s="391"/>
    </row>
    <row r="48" spans="1:10" ht="45" customHeight="1">
      <c r="B48" s="391"/>
      <c r="C48" s="391"/>
      <c r="D48" s="391"/>
      <c r="E48" s="391"/>
      <c r="F48" s="391"/>
      <c r="G48" s="391"/>
      <c r="H48" s="391"/>
      <c r="I48" s="391"/>
    </row>
    <row r="49" spans="2:11" ht="45" customHeight="1">
      <c r="B49" s="391"/>
      <c r="C49" s="391"/>
      <c r="D49" s="391"/>
      <c r="E49" s="391"/>
      <c r="F49" s="391"/>
      <c r="G49" s="391"/>
      <c r="H49" s="391"/>
      <c r="I49" s="391"/>
    </row>
    <row r="50" spans="2:11" ht="45" customHeight="1">
      <c r="B50" s="431"/>
      <c r="C50" s="431"/>
      <c r="D50" s="431"/>
      <c r="E50" s="431"/>
      <c r="F50" s="391"/>
      <c r="G50" s="391"/>
      <c r="H50" s="391"/>
      <c r="I50" s="391"/>
    </row>
    <row r="51" spans="2:11" ht="45" customHeight="1">
      <c r="B51" s="391"/>
      <c r="C51" s="391"/>
      <c r="D51" s="391"/>
      <c r="E51" s="391"/>
      <c r="F51" s="391"/>
      <c r="G51" s="391"/>
      <c r="H51" s="391"/>
      <c r="I51" s="391"/>
    </row>
    <row r="52" spans="2:11" ht="45" customHeight="1">
      <c r="B52" s="391"/>
      <c r="C52" s="391"/>
      <c r="D52" s="391"/>
      <c r="E52" s="391"/>
      <c r="F52" s="391"/>
      <c r="G52" s="391"/>
      <c r="H52" s="391"/>
      <c r="I52" s="391"/>
    </row>
    <row r="53" spans="2:11" ht="45" customHeight="1">
      <c r="B53" s="391"/>
      <c r="C53" s="391"/>
      <c r="D53" s="391"/>
      <c r="E53" s="391"/>
      <c r="F53" s="391"/>
      <c r="G53" s="391"/>
      <c r="H53" s="391"/>
      <c r="I53" s="391"/>
    </row>
    <row r="54" spans="2:11" ht="45" customHeight="1">
      <c r="B54" s="391"/>
      <c r="C54" s="391"/>
      <c r="D54" s="391"/>
      <c r="E54" s="391"/>
      <c r="F54" s="391"/>
      <c r="G54" s="391"/>
      <c r="H54" s="391"/>
      <c r="I54" s="391"/>
    </row>
    <row r="55" spans="2:11" ht="45" customHeight="1">
      <c r="B55" s="391"/>
      <c r="C55" s="391"/>
      <c r="D55" s="391"/>
      <c r="E55" s="391"/>
      <c r="F55" s="391"/>
      <c r="G55" s="391"/>
      <c r="H55" s="391"/>
      <c r="I55" s="431"/>
    </row>
    <row r="56" spans="2:11" ht="45" customHeight="1">
      <c r="B56" s="391"/>
      <c r="C56" s="391"/>
      <c r="D56" s="391"/>
      <c r="E56" s="391"/>
      <c r="F56" s="391"/>
      <c r="G56" s="391"/>
      <c r="H56" s="391"/>
      <c r="I56" s="391"/>
    </row>
    <row r="57" spans="2:11" ht="45" customHeight="1">
      <c r="B57" s="391"/>
      <c r="C57" s="391"/>
      <c r="D57" s="391"/>
      <c r="E57" s="391"/>
      <c r="F57" s="391"/>
      <c r="G57" s="431"/>
      <c r="H57" s="431"/>
      <c r="I57" s="391"/>
      <c r="J57" s="431"/>
    </row>
    <row r="58" spans="2:11" ht="45" customHeight="1">
      <c r="B58" s="391"/>
      <c r="C58" s="391"/>
      <c r="D58" s="391"/>
      <c r="E58" s="391"/>
      <c r="F58" s="431"/>
      <c r="G58" s="391"/>
      <c r="H58" s="391"/>
      <c r="I58" s="391"/>
      <c r="K58" s="431"/>
    </row>
    <row r="59" spans="2:11" ht="45" customHeight="1">
      <c r="B59" s="431"/>
      <c r="C59" s="431"/>
      <c r="D59" s="431"/>
      <c r="E59" s="431"/>
      <c r="F59" s="391"/>
      <c r="G59" s="391"/>
      <c r="H59" s="391"/>
      <c r="I59" s="391"/>
    </row>
    <row r="60" spans="2:11" ht="45" customHeight="1">
      <c r="B60" s="391"/>
      <c r="C60" s="391"/>
      <c r="D60" s="391"/>
      <c r="E60" s="391"/>
      <c r="F60" s="391"/>
      <c r="G60" s="391"/>
      <c r="H60" s="391"/>
      <c r="I60" s="391"/>
    </row>
    <row r="61" spans="2:11" ht="45" customHeight="1">
      <c r="B61" s="391"/>
      <c r="C61" s="391"/>
      <c r="D61" s="391"/>
      <c r="E61" s="391"/>
      <c r="F61" s="391"/>
      <c r="G61" s="391"/>
      <c r="H61" s="391"/>
      <c r="I61" s="391"/>
    </row>
    <row r="62" spans="2:11" ht="45" customHeight="1">
      <c r="B62" s="391"/>
      <c r="C62" s="391"/>
      <c r="D62" s="391"/>
      <c r="E62" s="391"/>
      <c r="F62" s="391"/>
      <c r="G62" s="391"/>
      <c r="H62" s="391"/>
      <c r="I62" s="391"/>
    </row>
    <row r="63" spans="2:11" ht="45" customHeight="1">
      <c r="F63" s="391"/>
      <c r="G63" s="391"/>
      <c r="H63" s="391"/>
      <c r="I63" s="391"/>
    </row>
    <row r="64" spans="2:11" ht="45" customHeight="1">
      <c r="F64" s="391"/>
      <c r="G64" s="391"/>
      <c r="H64" s="391"/>
      <c r="I64" s="431"/>
    </row>
    <row r="65" spans="6:9" ht="45" customHeight="1">
      <c r="F65" s="391"/>
      <c r="G65" s="391"/>
      <c r="H65" s="391"/>
      <c r="I65" s="391"/>
    </row>
    <row r="66" spans="6:9" ht="45" customHeight="1">
      <c r="F66" s="391"/>
      <c r="G66" s="431"/>
      <c r="H66" s="431"/>
      <c r="I66" s="391"/>
    </row>
    <row r="67" spans="6:9" ht="45" customHeight="1">
      <c r="F67" s="431"/>
      <c r="G67" s="391"/>
      <c r="H67" s="391"/>
      <c r="I67" s="391"/>
    </row>
    <row r="68" spans="6:9" ht="45" customHeight="1">
      <c r="F68" s="391"/>
      <c r="G68" s="391"/>
      <c r="H68" s="391"/>
    </row>
    <row r="69" spans="6:9" ht="45" customHeight="1">
      <c r="F69" s="391"/>
      <c r="G69" s="391"/>
      <c r="H69" s="391"/>
    </row>
    <row r="70" spans="6:9" ht="45" customHeight="1">
      <c r="F70" s="391"/>
    </row>
  </sheetData>
  <mergeCells count="6">
    <mergeCell ref="B43:D43"/>
    <mergeCell ref="G24:H24"/>
    <mergeCell ref="C17:D17"/>
    <mergeCell ref="G17:H17"/>
    <mergeCell ref="B24:D24"/>
    <mergeCell ref="G22:H22"/>
  </mergeCells>
  <phoneticPr fontId="1"/>
  <pageMargins left="0.9055118110236221" right="0.51181102362204722" top="0.55118110236220474" bottom="0.55118110236220474" header="0.31496062992125984" footer="0.31496062992125984"/>
  <pageSetup paperSize="9" scale="41" orientation="portrait" r:id="rId1"/>
  <headerFooter scaleWithDoc="0" alignWithMargins="0">
    <oddFooter>&amp;C&amp;P</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J23"/>
  <sheetViews>
    <sheetView view="pageBreakPreview" zoomScale="50" zoomScaleNormal="100" zoomScaleSheetLayoutView="50" workbookViewId="0">
      <selection activeCell="J8" sqref="J8"/>
    </sheetView>
  </sheetViews>
  <sheetFormatPr defaultRowHeight="45" customHeight="1"/>
  <cols>
    <col min="1" max="1" width="5.25" style="158" customWidth="1"/>
    <col min="2" max="2" width="25.875" style="158" customWidth="1"/>
    <col min="3" max="3" width="23" style="158" customWidth="1"/>
    <col min="4" max="4" width="22.625" style="158" customWidth="1"/>
    <col min="5" max="5" width="18.5" style="158" customWidth="1"/>
    <col min="6" max="6" width="22.375" style="158" customWidth="1"/>
    <col min="7" max="8" width="18.5" style="158" customWidth="1"/>
    <col min="9" max="9" width="20.5" style="158" customWidth="1"/>
    <col min="10" max="10" width="18.5" style="158" customWidth="1"/>
    <col min="11" max="11" width="8.625" style="158" customWidth="1"/>
    <col min="12" max="16384" width="9" style="158"/>
  </cols>
  <sheetData>
    <row r="1" spans="1:10" ht="45" customHeight="1">
      <c r="A1" s="198" t="s">
        <v>564</v>
      </c>
      <c r="F1" s="190" t="s">
        <v>576</v>
      </c>
    </row>
    <row r="2" spans="1:10" ht="45" customHeight="1" thickBot="1">
      <c r="B2" s="158" t="s">
        <v>257</v>
      </c>
      <c r="D2" s="163" t="s">
        <v>466</v>
      </c>
      <c r="E2" s="191"/>
    </row>
    <row r="3" spans="1:10" ht="45" customHeight="1">
      <c r="B3" s="199"/>
      <c r="C3" s="694" t="s">
        <v>41</v>
      </c>
      <c r="D3" s="695"/>
      <c r="E3" s="164"/>
    </row>
    <row r="4" spans="1:10" ht="48.75" thickBot="1">
      <c r="B4" s="200" t="s">
        <v>110</v>
      </c>
      <c r="C4" s="201" t="s">
        <v>111</v>
      </c>
      <c r="D4" s="202" t="s">
        <v>565</v>
      </c>
      <c r="E4" s="203"/>
    </row>
    <row r="5" spans="1:10" ht="45" customHeight="1" thickTop="1">
      <c r="B5" s="204" t="s">
        <v>474</v>
      </c>
      <c r="C5" s="205">
        <v>39.799999999999997</v>
      </c>
      <c r="D5" s="206">
        <v>60.2</v>
      </c>
      <c r="E5" s="177"/>
    </row>
    <row r="6" spans="1:10" ht="45" customHeight="1">
      <c r="B6" s="207" t="s">
        <v>113</v>
      </c>
      <c r="C6" s="208">
        <v>39</v>
      </c>
      <c r="D6" s="179">
        <v>61</v>
      </c>
      <c r="E6" s="177"/>
    </row>
    <row r="7" spans="1:10" ht="45" customHeight="1" thickBot="1">
      <c r="B7" s="209" t="s">
        <v>115</v>
      </c>
      <c r="C7" s="210">
        <v>39</v>
      </c>
      <c r="D7" s="181">
        <v>61</v>
      </c>
      <c r="E7" s="177"/>
    </row>
    <row r="8" spans="1:10" ht="22.5" customHeight="1"/>
    <row r="9" spans="1:10" ht="45" customHeight="1" thickBot="1">
      <c r="B9" s="158" t="s">
        <v>566</v>
      </c>
    </row>
    <row r="10" spans="1:10" ht="45" customHeight="1" thickBot="1">
      <c r="B10" s="211"/>
      <c r="C10" s="212" t="s">
        <v>102</v>
      </c>
      <c r="D10" s="213" t="s">
        <v>498</v>
      </c>
    </row>
    <row r="11" spans="1:10" ht="45" customHeight="1" thickTop="1" thickBot="1">
      <c r="B11" s="214" t="s">
        <v>41</v>
      </c>
      <c r="C11" s="215">
        <v>15</v>
      </c>
      <c r="D11" s="216">
        <v>85</v>
      </c>
    </row>
    <row r="13" spans="1:10" ht="45" customHeight="1" thickBot="1">
      <c r="B13" s="158" t="s">
        <v>577</v>
      </c>
      <c r="E13" s="217"/>
    </row>
    <row r="14" spans="1:10" ht="45" customHeight="1" thickBot="1">
      <c r="B14" s="696" t="s">
        <v>359</v>
      </c>
      <c r="C14" s="697"/>
      <c r="D14" s="698"/>
      <c r="E14" s="696" t="s">
        <v>360</v>
      </c>
      <c r="F14" s="697"/>
      <c r="G14" s="698"/>
      <c r="H14" s="696" t="s">
        <v>361</v>
      </c>
      <c r="I14" s="697"/>
      <c r="J14" s="698"/>
    </row>
    <row r="15" spans="1:10" ht="45" customHeight="1" thickTop="1">
      <c r="B15" s="218" t="s">
        <v>434</v>
      </c>
      <c r="C15" s="219"/>
      <c r="D15" s="220">
        <v>12</v>
      </c>
      <c r="E15" s="218" t="s">
        <v>475</v>
      </c>
      <c r="F15" s="219"/>
      <c r="G15" s="220">
        <v>38</v>
      </c>
      <c r="H15" s="218" t="s">
        <v>477</v>
      </c>
      <c r="I15" s="219"/>
      <c r="J15" s="220">
        <v>12</v>
      </c>
    </row>
    <row r="16" spans="1:10" ht="45" customHeight="1">
      <c r="B16" s="221" t="s">
        <v>436</v>
      </c>
      <c r="C16" s="222"/>
      <c r="D16" s="223">
        <v>7</v>
      </c>
      <c r="E16" s="221" t="s">
        <v>439</v>
      </c>
      <c r="F16" s="222"/>
      <c r="G16" s="223">
        <v>13</v>
      </c>
      <c r="H16" s="224" t="s">
        <v>480</v>
      </c>
      <c r="I16" s="225"/>
      <c r="J16" s="223">
        <v>11</v>
      </c>
    </row>
    <row r="17" spans="2:10" ht="45" customHeight="1">
      <c r="B17" s="221" t="s">
        <v>382</v>
      </c>
      <c r="C17" s="222"/>
      <c r="D17" s="223">
        <v>2</v>
      </c>
      <c r="E17" s="221" t="s">
        <v>478</v>
      </c>
      <c r="F17" s="222"/>
      <c r="G17" s="223">
        <v>8</v>
      </c>
      <c r="H17" s="221" t="s">
        <v>381</v>
      </c>
      <c r="I17" s="222"/>
      <c r="J17" s="223">
        <v>2</v>
      </c>
    </row>
    <row r="18" spans="2:10" ht="45" customHeight="1">
      <c r="B18" s="226" t="s">
        <v>476</v>
      </c>
      <c r="C18" s="227"/>
      <c r="D18" s="228">
        <v>1</v>
      </c>
      <c r="E18" s="221" t="s">
        <v>479</v>
      </c>
      <c r="F18" s="222"/>
      <c r="G18" s="223">
        <v>5</v>
      </c>
      <c r="H18" s="221"/>
      <c r="I18" s="222"/>
      <c r="J18" s="223"/>
    </row>
    <row r="19" spans="2:10" ht="45" customHeight="1">
      <c r="B19" s="221" t="s">
        <v>435</v>
      </c>
      <c r="C19" s="222"/>
      <c r="D19" s="223">
        <v>1</v>
      </c>
      <c r="E19" s="221" t="s">
        <v>437</v>
      </c>
      <c r="F19" s="222"/>
      <c r="G19" s="223">
        <v>3</v>
      </c>
      <c r="H19" s="221"/>
      <c r="I19" s="225"/>
      <c r="J19" s="223"/>
    </row>
    <row r="20" spans="2:10" ht="45" customHeight="1">
      <c r="B20" s="221" t="s">
        <v>399</v>
      </c>
      <c r="C20" s="222"/>
      <c r="D20" s="223">
        <v>1</v>
      </c>
      <c r="E20" s="221" t="s">
        <v>438</v>
      </c>
      <c r="F20" s="222"/>
      <c r="G20" s="223">
        <v>2</v>
      </c>
      <c r="H20" s="221"/>
      <c r="I20" s="222"/>
      <c r="J20" s="223"/>
    </row>
    <row r="21" spans="2:10" ht="45" customHeight="1">
      <c r="B21" s="221" t="s">
        <v>395</v>
      </c>
      <c r="C21" s="222"/>
      <c r="D21" s="223">
        <v>1</v>
      </c>
      <c r="E21" s="221"/>
      <c r="F21" s="222"/>
      <c r="G21" s="223"/>
      <c r="H21" s="221"/>
      <c r="I21" s="222"/>
      <c r="J21" s="223"/>
    </row>
    <row r="22" spans="2:10" ht="45" customHeight="1" thickBot="1">
      <c r="B22" s="229" t="s">
        <v>481</v>
      </c>
      <c r="C22" s="230"/>
      <c r="D22" s="231">
        <v>4</v>
      </c>
      <c r="E22" s="232"/>
      <c r="F22" s="232"/>
      <c r="G22" s="233"/>
      <c r="H22" s="229"/>
      <c r="I22" s="230"/>
      <c r="J22" s="234"/>
    </row>
    <row r="23" spans="2:10" ht="45" customHeight="1">
      <c r="B23" s="235"/>
      <c r="C23" s="203"/>
      <c r="D23" s="235"/>
      <c r="E23" s="203"/>
      <c r="F23" s="235"/>
      <c r="G23" s="203"/>
    </row>
  </sheetData>
  <mergeCells count="4">
    <mergeCell ref="C3:D3"/>
    <mergeCell ref="B14:D14"/>
    <mergeCell ref="E14:G14"/>
    <mergeCell ref="H14:J14"/>
  </mergeCells>
  <phoneticPr fontId="1"/>
  <pageMargins left="0.70866141732283472" right="0.70866141732283472" top="0.74803149606299213" bottom="0.55118110236220474" header="0.31496062992125984" footer="0.31496062992125984"/>
  <pageSetup paperSize="9" scale="50" orientation="landscape" r:id="rId1"/>
  <headerFooter scaleWithDoc="0" alignWithMargins="0">
    <oddFooter>&amp;C&amp;P</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H127"/>
  <sheetViews>
    <sheetView view="pageBreakPreview" zoomScale="110" zoomScaleNormal="100" zoomScaleSheetLayoutView="110" workbookViewId="0">
      <selection sqref="A1:B1"/>
    </sheetView>
  </sheetViews>
  <sheetFormatPr defaultColWidth="8.75" defaultRowHeight="12"/>
  <cols>
    <col min="1" max="1" width="20.75" style="136" customWidth="1"/>
    <col min="2" max="2" width="3.25" style="137" bestFit="1" customWidth="1"/>
    <col min="3" max="3" width="20.75" style="136" customWidth="1"/>
    <col min="4" max="4" width="3.25" style="136" bestFit="1" customWidth="1"/>
    <col min="5" max="5" width="20.75" style="136" customWidth="1"/>
    <col min="6" max="6" width="3.25" style="136" customWidth="1"/>
    <col min="7" max="7" width="20.75" style="136" customWidth="1"/>
    <col min="8" max="8" width="2.75" style="123" bestFit="1" customWidth="1"/>
    <col min="9" max="16384" width="8.75" style="123"/>
  </cols>
  <sheetData>
    <row r="1" spans="1:8" ht="25.9" customHeight="1">
      <c r="A1" s="699" t="s">
        <v>359</v>
      </c>
      <c r="B1" s="700"/>
      <c r="C1" s="699" t="s">
        <v>360</v>
      </c>
      <c r="D1" s="700"/>
      <c r="E1" s="699" t="s">
        <v>361</v>
      </c>
      <c r="F1" s="700"/>
      <c r="G1" s="701" t="s">
        <v>362</v>
      </c>
      <c r="H1" s="700"/>
    </row>
    <row r="2" spans="1:8" ht="14.25" customHeight="1">
      <c r="A2" s="124" t="s">
        <v>363</v>
      </c>
      <c r="B2" s="125">
        <v>8</v>
      </c>
      <c r="C2" s="124" t="s">
        <v>364</v>
      </c>
      <c r="D2" s="126">
        <v>41</v>
      </c>
      <c r="E2" s="124" t="s">
        <v>365</v>
      </c>
      <c r="F2" s="125">
        <v>16</v>
      </c>
      <c r="G2" s="127" t="s">
        <v>366</v>
      </c>
      <c r="H2" s="128">
        <v>4</v>
      </c>
    </row>
    <row r="3" spans="1:8" ht="14.25" customHeight="1">
      <c r="A3" s="124" t="s">
        <v>367</v>
      </c>
      <c r="B3" s="125">
        <v>6</v>
      </c>
      <c r="C3" s="124" t="s">
        <v>368</v>
      </c>
      <c r="D3" s="126">
        <v>7</v>
      </c>
      <c r="E3" s="124" t="s">
        <v>254</v>
      </c>
      <c r="F3" s="125">
        <v>10</v>
      </c>
      <c r="G3" s="127" t="s">
        <v>369</v>
      </c>
      <c r="H3" s="128">
        <v>1</v>
      </c>
    </row>
    <row r="4" spans="1:8" ht="14.25" customHeight="1">
      <c r="A4" s="124" t="s">
        <v>370</v>
      </c>
      <c r="B4" s="125">
        <v>5</v>
      </c>
      <c r="C4" s="124" t="s">
        <v>371</v>
      </c>
      <c r="D4" s="126">
        <v>6</v>
      </c>
      <c r="E4" s="124" t="s">
        <v>372</v>
      </c>
      <c r="F4" s="125">
        <v>3</v>
      </c>
      <c r="G4" s="127"/>
      <c r="H4" s="128"/>
    </row>
    <row r="5" spans="1:8" ht="14.25" customHeight="1">
      <c r="A5" s="129" t="s">
        <v>373</v>
      </c>
      <c r="B5" s="130">
        <v>3</v>
      </c>
      <c r="C5" s="124" t="s">
        <v>374</v>
      </c>
      <c r="D5" s="126">
        <v>5</v>
      </c>
      <c r="E5" s="124" t="s">
        <v>375</v>
      </c>
      <c r="F5" s="125">
        <v>3</v>
      </c>
      <c r="G5" s="127"/>
      <c r="H5" s="128"/>
    </row>
    <row r="6" spans="1:8" ht="14.25" customHeight="1">
      <c r="A6" s="124" t="s">
        <v>376</v>
      </c>
      <c r="B6" s="125">
        <v>2</v>
      </c>
      <c r="C6" s="124" t="s">
        <v>377</v>
      </c>
      <c r="D6" s="126">
        <v>3</v>
      </c>
      <c r="E6" s="124" t="s">
        <v>378</v>
      </c>
      <c r="F6" s="125">
        <v>2</v>
      </c>
      <c r="G6" s="127"/>
      <c r="H6" s="128"/>
    </row>
    <row r="7" spans="1:8" ht="14.25" customHeight="1">
      <c r="A7" s="124" t="s">
        <v>379</v>
      </c>
      <c r="B7" s="125">
        <v>2</v>
      </c>
      <c r="C7" s="124" t="s">
        <v>380</v>
      </c>
      <c r="D7" s="126">
        <v>2</v>
      </c>
      <c r="E7" s="124" t="s">
        <v>381</v>
      </c>
      <c r="F7" s="125">
        <v>2</v>
      </c>
      <c r="G7" s="127"/>
      <c r="H7" s="128"/>
    </row>
    <row r="8" spans="1:8" ht="14.25" customHeight="1">
      <c r="A8" s="124" t="s">
        <v>382</v>
      </c>
      <c r="B8" s="125">
        <v>2</v>
      </c>
      <c r="C8" s="124" t="s">
        <v>383</v>
      </c>
      <c r="D8" s="126">
        <v>2</v>
      </c>
      <c r="E8" s="124" t="s">
        <v>384</v>
      </c>
      <c r="F8" s="125">
        <v>1</v>
      </c>
      <c r="G8" s="127"/>
      <c r="H8" s="128"/>
    </row>
    <row r="9" spans="1:8" ht="14.25" customHeight="1">
      <c r="A9" s="124" t="s">
        <v>385</v>
      </c>
      <c r="B9" s="125">
        <v>1</v>
      </c>
      <c r="C9" s="124" t="s">
        <v>386</v>
      </c>
      <c r="D9" s="126">
        <v>2</v>
      </c>
      <c r="E9" s="124" t="s">
        <v>387</v>
      </c>
      <c r="F9" s="125">
        <v>1</v>
      </c>
      <c r="G9" s="127"/>
      <c r="H9" s="128"/>
    </row>
    <row r="10" spans="1:8" ht="14.25" customHeight="1">
      <c r="A10" s="124" t="s">
        <v>388</v>
      </c>
      <c r="B10" s="125">
        <v>1</v>
      </c>
      <c r="C10" s="124" t="s">
        <v>389</v>
      </c>
      <c r="D10" s="126">
        <v>2</v>
      </c>
      <c r="E10" s="124"/>
      <c r="F10" s="126"/>
      <c r="G10" s="127"/>
      <c r="H10" s="128"/>
    </row>
    <row r="11" spans="1:8" ht="14.25" customHeight="1">
      <c r="A11" s="124" t="s">
        <v>390</v>
      </c>
      <c r="B11" s="125">
        <v>1</v>
      </c>
      <c r="C11" s="124" t="s">
        <v>108</v>
      </c>
      <c r="D11" s="126">
        <v>1</v>
      </c>
      <c r="E11" s="124"/>
      <c r="F11" s="126"/>
      <c r="G11" s="127"/>
      <c r="H11" s="128"/>
    </row>
    <row r="12" spans="1:8" ht="14.25" customHeight="1">
      <c r="A12" s="124" t="s">
        <v>391</v>
      </c>
      <c r="B12" s="125">
        <v>1</v>
      </c>
      <c r="C12" s="124" t="s">
        <v>392</v>
      </c>
      <c r="D12" s="126">
        <v>1</v>
      </c>
      <c r="E12" s="124"/>
      <c r="F12" s="126"/>
      <c r="G12" s="127"/>
      <c r="H12" s="128"/>
    </row>
    <row r="13" spans="1:8" ht="14.25" customHeight="1">
      <c r="A13" s="124" t="s">
        <v>393</v>
      </c>
      <c r="B13" s="125">
        <v>1</v>
      </c>
      <c r="C13" s="124" t="s">
        <v>394</v>
      </c>
      <c r="D13" s="126">
        <v>1</v>
      </c>
      <c r="E13" s="124"/>
      <c r="F13" s="126"/>
      <c r="G13" s="127"/>
      <c r="H13" s="128"/>
    </row>
    <row r="14" spans="1:8" ht="14.25" customHeight="1">
      <c r="A14" s="124" t="s">
        <v>395</v>
      </c>
      <c r="B14" s="125">
        <v>1</v>
      </c>
      <c r="C14" s="124" t="s">
        <v>396</v>
      </c>
      <c r="D14" s="126">
        <v>1</v>
      </c>
      <c r="E14" s="124"/>
      <c r="F14" s="126"/>
      <c r="G14" s="127"/>
      <c r="H14" s="128"/>
    </row>
    <row r="15" spans="1:8" ht="14.25" customHeight="1">
      <c r="A15" s="124" t="s">
        <v>397</v>
      </c>
      <c r="B15" s="125">
        <v>1</v>
      </c>
      <c r="C15" s="124" t="s">
        <v>398</v>
      </c>
      <c r="D15" s="126">
        <v>1</v>
      </c>
      <c r="E15" s="124"/>
      <c r="F15" s="126"/>
      <c r="G15" s="127"/>
      <c r="H15" s="128"/>
    </row>
    <row r="16" spans="1:8" ht="14.25" customHeight="1">
      <c r="A16" s="131" t="s">
        <v>399</v>
      </c>
      <c r="B16" s="132">
        <v>1</v>
      </c>
      <c r="C16" s="131"/>
      <c r="D16" s="133"/>
      <c r="E16" s="131"/>
      <c r="F16" s="133"/>
      <c r="G16" s="134"/>
      <c r="H16" s="135"/>
    </row>
    <row r="17" spans="1:7" ht="14.25" customHeight="1">
      <c r="C17" s="138"/>
      <c r="D17" s="138"/>
      <c r="G17" s="138"/>
    </row>
    <row r="18" spans="1:7">
      <c r="C18" s="139"/>
      <c r="D18" s="139"/>
      <c r="E18" s="139"/>
      <c r="F18" s="140"/>
      <c r="G18" s="139"/>
    </row>
    <row r="19" spans="1:7">
      <c r="C19" s="138"/>
      <c r="D19" s="138"/>
      <c r="E19" s="138"/>
      <c r="F19" s="141"/>
      <c r="G19" s="138"/>
    </row>
    <row r="20" spans="1:7">
      <c r="A20" s="138"/>
      <c r="B20" s="141"/>
      <c r="C20" s="138"/>
      <c r="D20" s="138"/>
      <c r="G20" s="138"/>
    </row>
    <row r="21" spans="1:7">
      <c r="C21" s="138"/>
      <c r="D21" s="138"/>
      <c r="E21" s="138"/>
      <c r="F21" s="141"/>
      <c r="G21" s="138"/>
    </row>
    <row r="22" spans="1:7">
      <c r="C22" s="138"/>
      <c r="D22" s="138"/>
      <c r="E22" s="138"/>
      <c r="F22" s="141"/>
      <c r="G22" s="138"/>
    </row>
    <row r="23" spans="1:7">
      <c r="A23" s="138"/>
      <c r="B23" s="141"/>
      <c r="C23" s="138"/>
      <c r="D23" s="138"/>
      <c r="G23" s="138"/>
    </row>
    <row r="24" spans="1:7">
      <c r="C24" s="138"/>
      <c r="D24" s="138"/>
      <c r="E24" s="138"/>
      <c r="F24" s="141"/>
      <c r="G24" s="138"/>
    </row>
    <row r="25" spans="1:7">
      <c r="C25" s="138"/>
      <c r="D25" s="138"/>
      <c r="E25" s="138"/>
      <c r="F25" s="141"/>
      <c r="G25" s="138"/>
    </row>
    <row r="26" spans="1:7">
      <c r="A26" s="138"/>
      <c r="B26" s="141"/>
      <c r="C26" s="138"/>
      <c r="D26" s="138"/>
      <c r="E26" s="138"/>
      <c r="F26" s="138"/>
      <c r="G26" s="138"/>
    </row>
    <row r="27" spans="1:7">
      <c r="A27" s="138"/>
      <c r="B27" s="141"/>
      <c r="C27" s="138"/>
      <c r="D27" s="138"/>
      <c r="E27" s="138"/>
      <c r="F27" s="138"/>
      <c r="G27" s="138"/>
    </row>
    <row r="28" spans="1:7">
      <c r="A28" s="138"/>
      <c r="B28" s="141"/>
      <c r="C28" s="138"/>
      <c r="D28" s="138"/>
      <c r="E28" s="138"/>
      <c r="F28" s="138"/>
      <c r="G28" s="138"/>
    </row>
    <row r="29" spans="1:7">
      <c r="A29" s="138"/>
      <c r="B29" s="141"/>
      <c r="C29" s="138"/>
      <c r="D29" s="138"/>
      <c r="E29" s="138"/>
      <c r="F29" s="138"/>
      <c r="G29" s="138"/>
    </row>
    <row r="30" spans="1:7">
      <c r="A30" s="138"/>
      <c r="B30" s="141"/>
      <c r="C30" s="138"/>
      <c r="D30" s="138"/>
      <c r="E30" s="138"/>
      <c r="F30" s="138"/>
      <c r="G30" s="138"/>
    </row>
    <row r="31" spans="1:7">
      <c r="A31" s="138"/>
      <c r="B31" s="141"/>
      <c r="C31" s="138"/>
      <c r="D31" s="138"/>
      <c r="E31" s="138"/>
      <c r="F31" s="138"/>
      <c r="G31" s="138"/>
    </row>
    <row r="32" spans="1:7">
      <c r="A32" s="138"/>
      <c r="B32" s="141"/>
      <c r="C32" s="138"/>
      <c r="D32" s="138"/>
      <c r="E32" s="138"/>
      <c r="F32" s="138"/>
      <c r="G32" s="138"/>
    </row>
    <row r="33" spans="1:7">
      <c r="A33" s="138"/>
      <c r="B33" s="141"/>
      <c r="C33" s="138"/>
      <c r="D33" s="138"/>
      <c r="E33" s="138"/>
      <c r="F33" s="138"/>
      <c r="G33" s="138"/>
    </row>
    <row r="34" spans="1:7">
      <c r="A34" s="138"/>
      <c r="B34" s="141"/>
      <c r="C34" s="138"/>
      <c r="D34" s="138"/>
      <c r="E34" s="138"/>
      <c r="F34" s="138"/>
      <c r="G34" s="138"/>
    </row>
    <row r="35" spans="1:7">
      <c r="A35" s="138"/>
      <c r="B35" s="141"/>
      <c r="C35" s="138"/>
      <c r="D35" s="138"/>
      <c r="E35" s="138"/>
      <c r="F35" s="138"/>
      <c r="G35" s="138"/>
    </row>
    <row r="36" spans="1:7">
      <c r="A36" s="138"/>
      <c r="B36" s="141"/>
      <c r="C36" s="138"/>
      <c r="D36" s="138"/>
      <c r="E36" s="138"/>
      <c r="F36" s="138"/>
      <c r="G36" s="138"/>
    </row>
    <row r="37" spans="1:7">
      <c r="A37" s="138"/>
      <c r="B37" s="141"/>
      <c r="C37" s="138"/>
      <c r="D37" s="138"/>
      <c r="E37" s="138"/>
      <c r="F37" s="138"/>
      <c r="G37" s="138"/>
    </row>
    <row r="38" spans="1:7">
      <c r="A38" s="142"/>
      <c r="B38" s="143"/>
      <c r="C38" s="142"/>
      <c r="D38" s="142"/>
      <c r="E38" s="142"/>
      <c r="F38" s="142"/>
      <c r="G38" s="142"/>
    </row>
    <row r="39" spans="1:7">
      <c r="A39" s="138"/>
      <c r="B39" s="141"/>
      <c r="C39" s="138"/>
      <c r="D39" s="138"/>
      <c r="E39" s="138"/>
      <c r="F39" s="138"/>
      <c r="G39" s="138"/>
    </row>
    <row r="40" spans="1:7">
      <c r="A40" s="138"/>
      <c r="B40" s="141"/>
      <c r="C40" s="138"/>
      <c r="D40" s="138"/>
      <c r="E40" s="138"/>
      <c r="F40" s="138"/>
      <c r="G40" s="138"/>
    </row>
    <row r="41" spans="1:7">
      <c r="A41" s="138"/>
      <c r="B41" s="141"/>
      <c r="C41" s="138"/>
      <c r="D41" s="138"/>
      <c r="E41" s="138"/>
      <c r="F41" s="138"/>
      <c r="G41" s="138"/>
    </row>
    <row r="42" spans="1:7">
      <c r="A42" s="138"/>
      <c r="B42" s="141"/>
      <c r="C42" s="138"/>
      <c r="D42" s="138"/>
      <c r="E42" s="138"/>
      <c r="F42" s="138"/>
      <c r="G42" s="138"/>
    </row>
    <row r="43" spans="1:7">
      <c r="A43" s="138"/>
      <c r="B43" s="141"/>
      <c r="C43" s="138"/>
      <c r="D43" s="138"/>
      <c r="E43" s="138"/>
      <c r="F43" s="138"/>
      <c r="G43" s="138"/>
    </row>
    <row r="44" spans="1:7">
      <c r="A44" s="138"/>
      <c r="B44" s="141"/>
      <c r="C44" s="138"/>
      <c r="D44" s="138"/>
      <c r="E44" s="138"/>
      <c r="F44" s="138"/>
      <c r="G44" s="138"/>
    </row>
    <row r="45" spans="1:7">
      <c r="A45" s="138"/>
      <c r="B45" s="141"/>
      <c r="C45" s="138"/>
      <c r="D45" s="138"/>
      <c r="E45" s="138"/>
      <c r="F45" s="138"/>
      <c r="G45" s="138"/>
    </row>
    <row r="46" spans="1:7">
      <c r="A46" s="138"/>
      <c r="B46" s="141"/>
      <c r="C46" s="138"/>
      <c r="D46" s="138"/>
      <c r="E46" s="138"/>
      <c r="F46" s="138"/>
      <c r="G46" s="138"/>
    </row>
    <row r="47" spans="1:7">
      <c r="A47" s="138"/>
      <c r="B47" s="141"/>
      <c r="C47" s="138"/>
      <c r="D47" s="138"/>
      <c r="E47" s="138"/>
      <c r="F47" s="138"/>
      <c r="G47" s="138"/>
    </row>
    <row r="48" spans="1:7">
      <c r="A48" s="138"/>
      <c r="B48" s="141"/>
      <c r="C48" s="138"/>
      <c r="D48" s="138"/>
      <c r="E48" s="138"/>
      <c r="F48" s="138"/>
      <c r="G48" s="138"/>
    </row>
    <row r="49" spans="1:7">
      <c r="A49" s="138"/>
      <c r="B49" s="141"/>
      <c r="C49" s="138"/>
      <c r="D49" s="138"/>
      <c r="E49" s="138"/>
      <c r="F49" s="138"/>
      <c r="G49" s="138"/>
    </row>
    <row r="50" spans="1:7">
      <c r="A50" s="138"/>
      <c r="B50" s="141"/>
      <c r="C50" s="138"/>
      <c r="D50" s="138"/>
      <c r="E50" s="138"/>
      <c r="F50" s="138"/>
      <c r="G50" s="138"/>
    </row>
    <row r="51" spans="1:7">
      <c r="A51" s="138"/>
      <c r="B51" s="141"/>
      <c r="C51" s="138"/>
      <c r="D51" s="138"/>
      <c r="E51" s="138"/>
      <c r="F51" s="138"/>
      <c r="G51" s="138"/>
    </row>
    <row r="52" spans="1:7">
      <c r="A52" s="138"/>
      <c r="B52" s="141"/>
      <c r="C52" s="138"/>
      <c r="D52" s="138"/>
      <c r="E52" s="138"/>
      <c r="F52" s="138"/>
      <c r="G52" s="138"/>
    </row>
    <row r="53" spans="1:7">
      <c r="A53" s="138"/>
      <c r="B53" s="141"/>
      <c r="C53" s="138"/>
      <c r="D53" s="138"/>
      <c r="E53" s="138"/>
      <c r="F53" s="138"/>
      <c r="G53" s="138"/>
    </row>
    <row r="54" spans="1:7">
      <c r="A54" s="138"/>
      <c r="B54" s="141"/>
      <c r="C54" s="138"/>
      <c r="D54" s="138"/>
      <c r="E54" s="138"/>
      <c r="F54" s="138"/>
      <c r="G54" s="138"/>
    </row>
    <row r="55" spans="1:7">
      <c r="A55" s="138"/>
      <c r="B55" s="141"/>
      <c r="C55" s="138"/>
      <c r="D55" s="138"/>
      <c r="E55" s="138"/>
      <c r="F55" s="138"/>
      <c r="G55" s="138"/>
    </row>
    <row r="56" spans="1:7">
      <c r="A56" s="138"/>
      <c r="B56" s="141"/>
      <c r="C56" s="138"/>
      <c r="D56" s="138"/>
      <c r="E56" s="138"/>
      <c r="F56" s="138"/>
      <c r="G56" s="138"/>
    </row>
    <row r="57" spans="1:7">
      <c r="A57" s="138"/>
      <c r="B57" s="141"/>
      <c r="C57" s="138"/>
      <c r="D57" s="138"/>
      <c r="E57" s="138"/>
      <c r="F57" s="138"/>
      <c r="G57" s="138"/>
    </row>
    <row r="58" spans="1:7">
      <c r="A58" s="138"/>
      <c r="B58" s="141"/>
      <c r="C58" s="138"/>
      <c r="D58" s="138"/>
      <c r="E58" s="138"/>
      <c r="F58" s="138"/>
      <c r="G58" s="138"/>
    </row>
    <row r="59" spans="1:7">
      <c r="A59" s="138"/>
      <c r="B59" s="141"/>
      <c r="C59" s="138"/>
      <c r="D59" s="138"/>
      <c r="E59" s="138"/>
      <c r="F59" s="138"/>
      <c r="G59" s="138"/>
    </row>
    <row r="60" spans="1:7">
      <c r="A60" s="138"/>
      <c r="B60" s="141"/>
      <c r="C60" s="138"/>
      <c r="D60" s="138"/>
      <c r="E60" s="138"/>
      <c r="F60" s="138"/>
      <c r="G60" s="138"/>
    </row>
    <row r="61" spans="1:7">
      <c r="A61" s="138"/>
      <c r="B61" s="141"/>
      <c r="C61" s="138"/>
      <c r="D61" s="138"/>
      <c r="E61" s="138"/>
      <c r="F61" s="138"/>
      <c r="G61" s="138"/>
    </row>
    <row r="62" spans="1:7" ht="12" customHeight="1">
      <c r="A62" s="139"/>
      <c r="B62" s="140"/>
      <c r="C62" s="139"/>
      <c r="D62" s="139"/>
      <c r="E62" s="139"/>
      <c r="F62" s="139"/>
      <c r="G62" s="139"/>
    </row>
    <row r="63" spans="1:7">
      <c r="A63" s="138"/>
      <c r="B63" s="141"/>
      <c r="C63" s="138"/>
      <c r="D63" s="138"/>
      <c r="E63" s="138"/>
      <c r="F63" s="138"/>
      <c r="G63" s="138"/>
    </row>
    <row r="64" spans="1:7">
      <c r="A64" s="138"/>
      <c r="B64" s="141"/>
      <c r="C64" s="138"/>
      <c r="D64" s="138"/>
      <c r="E64" s="138"/>
      <c r="F64" s="138"/>
      <c r="G64" s="138"/>
    </row>
    <row r="65" spans="1:7">
      <c r="A65" s="138"/>
      <c r="B65" s="141"/>
      <c r="C65" s="138"/>
      <c r="D65" s="138"/>
      <c r="E65" s="138"/>
      <c r="F65" s="138"/>
      <c r="G65" s="138"/>
    </row>
    <row r="66" spans="1:7">
      <c r="A66" s="138"/>
      <c r="B66" s="141"/>
      <c r="C66" s="138"/>
      <c r="D66" s="138"/>
      <c r="E66" s="138"/>
      <c r="F66" s="138"/>
      <c r="G66" s="138"/>
    </row>
    <row r="67" spans="1:7">
      <c r="A67" s="138"/>
      <c r="B67" s="141"/>
      <c r="C67" s="138"/>
      <c r="D67" s="138"/>
      <c r="E67" s="138"/>
      <c r="F67" s="138"/>
      <c r="G67" s="138"/>
    </row>
    <row r="68" spans="1:7">
      <c r="A68" s="138"/>
      <c r="B68" s="141"/>
      <c r="C68" s="138"/>
      <c r="D68" s="138"/>
      <c r="E68" s="138"/>
      <c r="F68" s="138"/>
      <c r="G68" s="138"/>
    </row>
    <row r="69" spans="1:7">
      <c r="A69" s="138"/>
      <c r="B69" s="141"/>
      <c r="C69" s="138"/>
      <c r="D69" s="138"/>
      <c r="E69" s="138"/>
      <c r="F69" s="138"/>
      <c r="G69" s="138"/>
    </row>
    <row r="70" spans="1:7">
      <c r="A70" s="138"/>
      <c r="B70" s="141"/>
      <c r="C70" s="138"/>
      <c r="D70" s="138"/>
      <c r="E70" s="138"/>
      <c r="F70" s="138"/>
      <c r="G70" s="138"/>
    </row>
    <row r="71" spans="1:7">
      <c r="A71" s="138"/>
      <c r="B71" s="141"/>
      <c r="C71" s="138"/>
      <c r="D71" s="138"/>
      <c r="E71" s="138"/>
      <c r="F71" s="138"/>
      <c r="G71" s="138"/>
    </row>
    <row r="72" spans="1:7">
      <c r="A72" s="138"/>
      <c r="B72" s="141"/>
      <c r="C72" s="138"/>
      <c r="D72" s="138"/>
      <c r="E72" s="138"/>
      <c r="F72" s="138"/>
      <c r="G72" s="138"/>
    </row>
    <row r="73" spans="1:7">
      <c r="A73" s="138"/>
      <c r="B73" s="141"/>
      <c r="C73" s="138"/>
      <c r="D73" s="138"/>
      <c r="E73" s="138"/>
      <c r="F73" s="138"/>
      <c r="G73" s="138"/>
    </row>
    <row r="74" spans="1:7">
      <c r="A74" s="138"/>
      <c r="B74" s="141"/>
      <c r="C74" s="138"/>
      <c r="D74" s="138"/>
      <c r="E74" s="138"/>
      <c r="F74" s="138"/>
      <c r="G74" s="138"/>
    </row>
    <row r="75" spans="1:7">
      <c r="A75" s="138"/>
      <c r="B75" s="141"/>
      <c r="C75" s="138"/>
      <c r="D75" s="138"/>
      <c r="E75" s="138"/>
      <c r="F75" s="138"/>
      <c r="G75" s="138"/>
    </row>
    <row r="76" spans="1:7">
      <c r="A76" s="138"/>
      <c r="B76" s="141"/>
      <c r="C76" s="138"/>
      <c r="D76" s="138"/>
      <c r="E76" s="138"/>
      <c r="F76" s="138"/>
      <c r="G76" s="138"/>
    </row>
    <row r="77" spans="1:7">
      <c r="A77" s="138"/>
      <c r="B77" s="141"/>
      <c r="C77" s="138"/>
      <c r="D77" s="138"/>
      <c r="E77" s="138"/>
      <c r="F77" s="138"/>
      <c r="G77" s="138"/>
    </row>
    <row r="78" spans="1:7">
      <c r="A78" s="138"/>
      <c r="B78" s="141"/>
      <c r="C78" s="138"/>
      <c r="D78" s="138"/>
      <c r="E78" s="138"/>
      <c r="F78" s="138"/>
      <c r="G78" s="138"/>
    </row>
    <row r="79" spans="1:7">
      <c r="A79" s="138"/>
      <c r="B79" s="141"/>
      <c r="C79" s="138"/>
      <c r="D79" s="138"/>
      <c r="E79" s="138"/>
      <c r="F79" s="138"/>
      <c r="G79" s="138"/>
    </row>
    <row r="80" spans="1:7">
      <c r="A80" s="138"/>
      <c r="B80" s="141"/>
      <c r="C80" s="138"/>
      <c r="D80" s="138"/>
      <c r="E80" s="138"/>
      <c r="F80" s="138"/>
      <c r="G80" s="138"/>
    </row>
    <row r="81" spans="1:7">
      <c r="A81" s="138"/>
      <c r="B81" s="141"/>
      <c r="C81" s="138"/>
      <c r="D81" s="138"/>
      <c r="E81" s="138"/>
      <c r="F81" s="138"/>
      <c r="G81" s="138"/>
    </row>
    <row r="82" spans="1:7">
      <c r="A82" s="138"/>
      <c r="B82" s="141"/>
      <c r="C82" s="138"/>
      <c r="D82" s="138"/>
      <c r="E82" s="138"/>
      <c r="F82" s="138"/>
      <c r="G82" s="138"/>
    </row>
    <row r="83" spans="1:7">
      <c r="A83" s="138"/>
      <c r="B83" s="141"/>
      <c r="C83" s="138"/>
      <c r="D83" s="138"/>
      <c r="E83" s="138"/>
      <c r="F83" s="138"/>
      <c r="G83" s="138"/>
    </row>
    <row r="84" spans="1:7">
      <c r="A84" s="138"/>
      <c r="B84" s="141"/>
      <c r="C84" s="138"/>
      <c r="D84" s="138"/>
      <c r="E84" s="138"/>
      <c r="F84" s="138"/>
      <c r="G84" s="138"/>
    </row>
    <row r="85" spans="1:7">
      <c r="A85" s="138"/>
      <c r="B85" s="141"/>
      <c r="C85" s="138"/>
      <c r="D85" s="138"/>
      <c r="E85" s="138"/>
      <c r="F85" s="138"/>
      <c r="G85" s="138"/>
    </row>
    <row r="86" spans="1:7">
      <c r="A86" s="138"/>
      <c r="B86" s="141"/>
      <c r="C86" s="138"/>
      <c r="D86" s="138"/>
      <c r="E86" s="138"/>
      <c r="F86" s="138"/>
      <c r="G86" s="138"/>
    </row>
    <row r="87" spans="1:7">
      <c r="A87" s="138"/>
      <c r="B87" s="141"/>
      <c r="C87" s="138"/>
      <c r="D87" s="138"/>
      <c r="E87" s="138"/>
      <c r="F87" s="138"/>
      <c r="G87" s="138"/>
    </row>
    <row r="88" spans="1:7">
      <c r="A88" s="139"/>
      <c r="B88" s="140"/>
      <c r="C88" s="139"/>
      <c r="D88" s="139"/>
      <c r="E88" s="139"/>
      <c r="F88" s="139"/>
      <c r="G88" s="139"/>
    </row>
    <row r="89" spans="1:7">
      <c r="A89" s="138"/>
      <c r="B89" s="141"/>
      <c r="C89" s="138"/>
      <c r="D89" s="138"/>
      <c r="E89" s="138"/>
      <c r="F89" s="138"/>
      <c r="G89" s="138"/>
    </row>
    <row r="90" spans="1:7">
      <c r="A90" s="138"/>
      <c r="B90" s="141"/>
      <c r="C90" s="138"/>
      <c r="D90" s="138"/>
      <c r="E90" s="138"/>
      <c r="F90" s="138"/>
      <c r="G90" s="138"/>
    </row>
    <row r="91" spans="1:7">
      <c r="A91" s="138"/>
      <c r="B91" s="141"/>
      <c r="C91" s="138"/>
      <c r="D91" s="138"/>
      <c r="E91" s="138"/>
      <c r="F91" s="138"/>
      <c r="G91" s="138"/>
    </row>
    <row r="92" spans="1:7">
      <c r="A92" s="138"/>
      <c r="B92" s="141"/>
      <c r="C92" s="138"/>
      <c r="D92" s="138"/>
      <c r="E92" s="138"/>
      <c r="F92" s="138"/>
      <c r="G92" s="138"/>
    </row>
    <row r="93" spans="1:7" ht="29.25" customHeight="1"/>
    <row r="100" ht="14.25" customHeight="1"/>
    <row r="117" ht="18.75" customHeight="1"/>
    <row r="127" ht="14.25" customHeight="1"/>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G48"/>
  <sheetViews>
    <sheetView view="pageBreakPreview" zoomScale="60" zoomScaleNormal="100" workbookViewId="0"/>
  </sheetViews>
  <sheetFormatPr defaultRowHeight="14.25"/>
  <cols>
    <col min="1" max="1" width="104.5" customWidth="1"/>
    <col min="3" max="3" width="56" bestFit="1" customWidth="1"/>
  </cols>
  <sheetData>
    <row r="1" spans="1:7" ht="30" customHeight="1">
      <c r="A1" s="157" t="s">
        <v>260</v>
      </c>
      <c r="B1" s="6"/>
      <c r="D1" s="6"/>
      <c r="E1" s="6"/>
      <c r="F1" s="6"/>
      <c r="G1" s="6"/>
    </row>
    <row r="2" spans="1:7" ht="16.5" customHeight="1">
      <c r="A2" s="55"/>
      <c r="B2" s="6"/>
      <c r="D2" s="6"/>
      <c r="E2" s="6"/>
      <c r="F2" s="6"/>
      <c r="G2" s="6"/>
    </row>
    <row r="3" spans="1:7" s="145" customFormat="1" ht="30" customHeight="1">
      <c r="A3" s="148" t="s">
        <v>409</v>
      </c>
      <c r="B3" s="148"/>
      <c r="D3" s="148"/>
      <c r="E3" s="148"/>
      <c r="F3" s="148"/>
      <c r="G3" s="148"/>
    </row>
    <row r="4" spans="1:7" s="145" customFormat="1" ht="16.5" customHeight="1">
      <c r="A4" s="148"/>
      <c r="B4" s="148"/>
      <c r="D4" s="148"/>
      <c r="E4" s="148"/>
      <c r="F4" s="148"/>
      <c r="G4" s="148"/>
    </row>
    <row r="5" spans="1:7" s="145" customFormat="1" ht="30" customHeight="1">
      <c r="A5" s="153" t="s">
        <v>400</v>
      </c>
      <c r="B5" s="148"/>
      <c r="D5" s="148"/>
      <c r="E5" s="148"/>
      <c r="F5" s="148"/>
      <c r="G5" s="148"/>
    </row>
    <row r="6" spans="1:7" s="145" customFormat="1" ht="50.1" customHeight="1">
      <c r="A6" s="154" t="s">
        <v>401</v>
      </c>
      <c r="B6" s="148"/>
      <c r="C6" s="148"/>
      <c r="D6" s="148"/>
      <c r="E6" s="148"/>
      <c r="F6" s="148"/>
      <c r="G6" s="148"/>
    </row>
    <row r="7" spans="1:7" s="145" customFormat="1" ht="30" customHeight="1">
      <c r="A7" s="155" t="s">
        <v>402</v>
      </c>
      <c r="B7" s="148"/>
      <c r="C7" s="150"/>
      <c r="D7" s="148"/>
      <c r="E7" s="148"/>
      <c r="F7" s="148"/>
      <c r="G7" s="148"/>
    </row>
    <row r="8" spans="1:7" s="145" customFormat="1" ht="30" customHeight="1">
      <c r="A8" s="155" t="s">
        <v>403</v>
      </c>
      <c r="B8" s="148"/>
      <c r="C8" s="150"/>
      <c r="D8" s="148"/>
      <c r="E8" s="148"/>
      <c r="F8" s="148"/>
      <c r="G8" s="148"/>
    </row>
    <row r="9" spans="1:7" s="145" customFormat="1" ht="30" customHeight="1">
      <c r="A9" s="155" t="s">
        <v>404</v>
      </c>
      <c r="B9" s="148"/>
      <c r="C9" s="150"/>
      <c r="D9" s="150"/>
      <c r="E9" s="148"/>
      <c r="F9" s="148"/>
      <c r="G9" s="148"/>
    </row>
    <row r="10" spans="1:7" s="145" customFormat="1" ht="30" customHeight="1">
      <c r="A10" s="155" t="s">
        <v>405</v>
      </c>
      <c r="B10" s="149"/>
      <c r="C10" s="149"/>
      <c r="D10" s="149"/>
      <c r="E10" s="149"/>
      <c r="F10" s="149"/>
      <c r="G10" s="149"/>
    </row>
    <row r="11" spans="1:7" s="145" customFormat="1" ht="50.1" customHeight="1">
      <c r="A11" s="156" t="s">
        <v>406</v>
      </c>
      <c r="B11" s="148"/>
      <c r="C11" s="148"/>
      <c r="D11" s="148"/>
      <c r="E11" s="148"/>
      <c r="F11" s="148"/>
      <c r="G11" s="148"/>
    </row>
    <row r="12" spans="1:7" s="145" customFormat="1" ht="30" customHeight="1">
      <c r="A12" s="151"/>
      <c r="B12" s="148"/>
      <c r="C12" s="148"/>
      <c r="D12" s="148"/>
      <c r="E12" s="148"/>
      <c r="F12" s="148"/>
      <c r="G12" s="148"/>
    </row>
    <row r="13" spans="1:7" s="145" customFormat="1" ht="30" customHeight="1">
      <c r="A13" s="155" t="s">
        <v>407</v>
      </c>
      <c r="B13" s="148"/>
      <c r="C13" s="148"/>
      <c r="D13" s="148"/>
      <c r="E13" s="148"/>
      <c r="F13" s="148"/>
      <c r="G13" s="148"/>
    </row>
    <row r="14" spans="1:7" s="145" customFormat="1" ht="30" customHeight="1">
      <c r="A14" s="155" t="s">
        <v>408</v>
      </c>
      <c r="B14" s="148"/>
      <c r="C14" s="148"/>
      <c r="D14" s="148"/>
      <c r="E14" s="148"/>
      <c r="F14" s="148"/>
      <c r="G14" s="148"/>
    </row>
    <row r="15" spans="1:7" s="145" customFormat="1" ht="30" customHeight="1">
      <c r="A15" s="152"/>
      <c r="B15" s="147"/>
      <c r="C15" s="147"/>
      <c r="D15" s="147"/>
      <c r="E15" s="147"/>
      <c r="F15" s="147"/>
      <c r="G15" s="147"/>
    </row>
    <row r="16" spans="1:7" s="145" customFormat="1" ht="30" customHeight="1">
      <c r="A16" s="146"/>
      <c r="B16" s="148"/>
      <c r="C16" s="148"/>
      <c r="D16" s="148"/>
      <c r="E16" s="148"/>
      <c r="F16" s="148"/>
      <c r="G16" s="148"/>
    </row>
    <row r="17" spans="1:7" s="145" customFormat="1" ht="30" customHeight="1">
      <c r="A17" s="146"/>
      <c r="B17" s="148"/>
      <c r="C17" s="148"/>
      <c r="D17" s="148"/>
      <c r="E17" s="148"/>
      <c r="F17" s="148"/>
      <c r="G17" s="148"/>
    </row>
    <row r="18" spans="1:7" s="145" customFormat="1" ht="30" customHeight="1">
      <c r="A18" s="146"/>
      <c r="B18" s="148"/>
      <c r="C18" s="148"/>
      <c r="D18" s="148"/>
      <c r="E18" s="148"/>
      <c r="F18" s="148"/>
      <c r="G18" s="148"/>
    </row>
    <row r="19" spans="1:7" s="145" customFormat="1" ht="30" customHeight="1">
      <c r="B19" s="148"/>
      <c r="C19" s="148"/>
      <c r="D19" s="148"/>
      <c r="E19" s="148"/>
      <c r="F19" s="148"/>
      <c r="G19" s="148"/>
    </row>
    <row r="20" spans="1:7" s="145" customFormat="1" ht="30" customHeight="1">
      <c r="A20" s="146"/>
      <c r="B20" s="148"/>
      <c r="C20" s="148"/>
      <c r="D20" s="148"/>
      <c r="E20" s="148"/>
      <c r="F20" s="148"/>
      <c r="G20" s="148"/>
    </row>
    <row r="21" spans="1:7" s="145" customFormat="1" ht="30" customHeight="1">
      <c r="A21" s="146"/>
      <c r="B21" s="148"/>
      <c r="C21" s="148"/>
      <c r="D21" s="148"/>
      <c r="E21" s="148"/>
      <c r="F21" s="148"/>
      <c r="G21" s="148"/>
    </row>
    <row r="22" spans="1:7" s="145" customFormat="1" ht="30" customHeight="1">
      <c r="A22" s="146"/>
      <c r="B22" s="148"/>
      <c r="C22" s="148"/>
      <c r="D22" s="148"/>
      <c r="E22" s="148"/>
      <c r="F22" s="148"/>
      <c r="G22" s="148"/>
    </row>
    <row r="23" spans="1:7">
      <c r="A23" s="28"/>
      <c r="B23" s="6"/>
      <c r="C23" s="6"/>
      <c r="D23" s="6"/>
      <c r="E23" s="6"/>
      <c r="F23" s="6"/>
      <c r="G23" s="6"/>
    </row>
    <row r="24" spans="1:7">
      <c r="A24" s="28"/>
      <c r="B24" s="6"/>
      <c r="C24" s="6"/>
      <c r="D24" s="6"/>
      <c r="E24" s="6"/>
      <c r="F24" s="6"/>
      <c r="G24" s="6"/>
    </row>
    <row r="25" spans="1:7">
      <c r="A25" s="28"/>
      <c r="B25" s="6"/>
      <c r="C25" s="6"/>
      <c r="D25" s="6"/>
      <c r="E25" s="6"/>
      <c r="F25" s="6"/>
      <c r="G25" s="6"/>
    </row>
    <row r="26" spans="1:7">
      <c r="A26" s="681"/>
      <c r="B26" s="681"/>
      <c r="C26" s="681"/>
      <c r="D26" s="681"/>
      <c r="E26" s="681"/>
      <c r="F26" s="681"/>
      <c r="G26" s="681"/>
    </row>
    <row r="27" spans="1:7">
      <c r="A27" s="144"/>
      <c r="B27" s="144"/>
      <c r="C27" s="144"/>
      <c r="D27" s="144"/>
      <c r="E27" s="144"/>
      <c r="F27" s="144"/>
      <c r="G27" s="144"/>
    </row>
    <row r="28" spans="1:7">
      <c r="A28" s="28"/>
      <c r="B28" s="6"/>
      <c r="C28" s="6"/>
      <c r="D28" s="6"/>
      <c r="E28" s="6"/>
      <c r="F28" s="6"/>
      <c r="G28" s="6"/>
    </row>
    <row r="29" spans="1:7">
      <c r="B29" s="6"/>
      <c r="C29" s="6"/>
      <c r="D29" s="6"/>
      <c r="E29" s="6"/>
      <c r="F29" s="6"/>
      <c r="G29" s="6"/>
    </row>
    <row r="30" spans="1:7">
      <c r="A30" s="28"/>
      <c r="B30" s="6"/>
      <c r="C30" s="6"/>
      <c r="D30" s="6"/>
      <c r="E30" s="6"/>
      <c r="F30" s="6"/>
      <c r="G30" s="6"/>
    </row>
    <row r="31" spans="1:7">
      <c r="A31" s="28"/>
      <c r="B31" s="6"/>
      <c r="C31" s="6"/>
      <c r="D31" s="6"/>
      <c r="E31" s="6"/>
      <c r="F31" s="6"/>
      <c r="G31" s="6"/>
    </row>
    <row r="32" spans="1:7">
      <c r="A32" s="28"/>
      <c r="B32" s="6"/>
      <c r="C32" s="6"/>
      <c r="D32" s="6"/>
      <c r="E32" s="6"/>
      <c r="F32" s="6"/>
      <c r="G32" s="6"/>
    </row>
    <row r="33" spans="1:7">
      <c r="B33" s="6"/>
      <c r="C33" s="6"/>
      <c r="D33" s="6"/>
      <c r="E33" s="6"/>
      <c r="F33" s="6"/>
      <c r="G33" s="6"/>
    </row>
    <row r="34" spans="1:7">
      <c r="A34" s="28"/>
      <c r="B34" s="6"/>
      <c r="C34" s="6"/>
      <c r="D34" s="6"/>
      <c r="E34" s="6"/>
      <c r="F34" s="6"/>
      <c r="G34" s="6"/>
    </row>
    <row r="35" spans="1:7">
      <c r="A35" s="681"/>
      <c r="B35" s="681"/>
      <c r="C35" s="681"/>
      <c r="D35" s="681"/>
      <c r="E35" s="681"/>
      <c r="F35" s="681"/>
      <c r="G35" s="681"/>
    </row>
    <row r="36" spans="1:7">
      <c r="B36" s="6"/>
      <c r="C36" s="6"/>
      <c r="D36" s="6"/>
      <c r="E36" s="6"/>
      <c r="F36" s="6"/>
      <c r="G36" s="6"/>
    </row>
    <row r="37" spans="1:7">
      <c r="A37" s="28"/>
      <c r="B37" s="6"/>
      <c r="C37" s="6"/>
      <c r="D37" s="6"/>
      <c r="E37" s="6"/>
      <c r="F37" s="6"/>
      <c r="G37" s="6"/>
    </row>
    <row r="38" spans="1:7">
      <c r="A38" s="28"/>
      <c r="B38" s="6"/>
      <c r="C38" s="6"/>
      <c r="D38" s="6"/>
      <c r="E38" s="6"/>
      <c r="F38" s="6"/>
      <c r="G38" s="6"/>
    </row>
    <row r="39" spans="1:7">
      <c r="A39" s="28"/>
      <c r="B39" s="6"/>
      <c r="C39" s="6"/>
      <c r="D39" s="6"/>
      <c r="E39" s="6"/>
      <c r="F39" s="6"/>
      <c r="G39" s="6"/>
    </row>
    <row r="40" spans="1:7">
      <c r="B40" s="6"/>
      <c r="C40" s="6"/>
      <c r="D40" s="6"/>
      <c r="E40" s="6"/>
      <c r="F40" s="6"/>
      <c r="G40" s="6"/>
    </row>
    <row r="41" spans="1:7">
      <c r="A41" s="28"/>
      <c r="B41" s="6"/>
      <c r="C41" s="6"/>
      <c r="D41" s="6"/>
      <c r="E41" s="6"/>
      <c r="F41" s="6"/>
      <c r="G41" s="6"/>
    </row>
    <row r="42" spans="1:7">
      <c r="A42" s="28"/>
      <c r="B42" s="6"/>
      <c r="C42" s="6"/>
      <c r="D42" s="6"/>
      <c r="E42" s="6"/>
      <c r="F42" s="6"/>
      <c r="G42" s="6"/>
    </row>
    <row r="43" spans="1:7">
      <c r="B43" s="6"/>
      <c r="C43" s="6"/>
      <c r="D43" s="6"/>
      <c r="E43" s="6"/>
      <c r="F43" s="6"/>
      <c r="G43" s="6"/>
    </row>
    <row r="44" spans="1:7">
      <c r="B44" s="144"/>
      <c r="C44" s="144"/>
      <c r="D44" s="144"/>
      <c r="E44" s="144"/>
      <c r="F44" s="144"/>
      <c r="G44" s="144"/>
    </row>
    <row r="45" spans="1:7">
      <c r="A45" s="28"/>
      <c r="B45" s="6"/>
      <c r="C45" s="6"/>
      <c r="D45" s="6"/>
      <c r="E45" s="6"/>
      <c r="F45" s="6"/>
      <c r="G45" s="6"/>
    </row>
    <row r="46" spans="1:7">
      <c r="A46" s="28"/>
      <c r="B46" s="6"/>
      <c r="C46" s="6"/>
      <c r="D46" s="6"/>
      <c r="E46" s="6"/>
      <c r="F46" s="6"/>
      <c r="G46" s="6"/>
    </row>
    <row r="47" spans="1:7">
      <c r="A47" s="6"/>
      <c r="B47" s="6"/>
      <c r="C47" s="6"/>
      <c r="D47" s="6"/>
      <c r="E47" s="6"/>
      <c r="F47" s="6"/>
      <c r="G47" s="6"/>
    </row>
    <row r="48" spans="1:7">
      <c r="A48" s="10"/>
      <c r="B48" s="10"/>
      <c r="C48" s="10"/>
      <c r="D48" s="10"/>
      <c r="E48" s="10"/>
      <c r="F48" s="10"/>
      <c r="G48" s="10"/>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75"/>
  <cols>
    <col min="1" max="1" width="12.5" style="46" customWidth="1"/>
    <col min="2" max="2" width="76.75" style="46" customWidth="1"/>
    <col min="3" max="3" width="25.625" style="46" customWidth="1"/>
    <col min="4" max="4" width="24.125" style="46" customWidth="1"/>
    <col min="5" max="6" width="20.625" style="46" customWidth="1"/>
    <col min="7" max="7" width="76.625" style="46" customWidth="1"/>
    <col min="8" max="8" width="25.625" style="46" customWidth="1"/>
    <col min="9" max="9" width="23.75" style="46" customWidth="1"/>
    <col min="10" max="10" width="24.5" style="46" customWidth="1"/>
    <col min="11" max="11" width="56.25" style="46" bestFit="1" customWidth="1"/>
    <col min="12" max="12" width="25.25" style="46" bestFit="1" customWidth="1"/>
    <col min="13" max="13" width="40.125" style="46" bestFit="1" customWidth="1"/>
    <col min="14" max="14" width="10.125" style="46" bestFit="1" customWidth="1"/>
    <col min="15" max="15" width="30.625" style="46" customWidth="1"/>
    <col min="16" max="22" width="16.625" style="46" customWidth="1"/>
    <col min="23" max="16384" width="9" style="46"/>
  </cols>
  <sheetData>
    <row r="2" spans="2:9" ht="60" customHeight="1">
      <c r="B2" s="53" t="s">
        <v>267</v>
      </c>
      <c r="D2" s="44" t="s">
        <v>337</v>
      </c>
      <c r="E2" s="45">
        <v>463</v>
      </c>
      <c r="G2" s="53" t="s">
        <v>270</v>
      </c>
    </row>
    <row r="3" spans="2:9" ht="80.099999999999994" customHeight="1">
      <c r="B3" s="47" t="s">
        <v>68</v>
      </c>
      <c r="C3" s="24" t="s">
        <v>54</v>
      </c>
      <c r="D3" s="106" t="s">
        <v>348</v>
      </c>
      <c r="E3" s="48"/>
      <c r="G3" s="46" t="s">
        <v>284</v>
      </c>
      <c r="I3" s="45" t="s">
        <v>343</v>
      </c>
    </row>
    <row r="4" spans="2:9" ht="70.150000000000006" customHeight="1">
      <c r="B4" s="50" t="s">
        <v>59</v>
      </c>
      <c r="C4" s="50">
        <v>1</v>
      </c>
      <c r="D4" s="121">
        <v>0.21598272138228944</v>
      </c>
      <c r="G4" s="47" t="s">
        <v>88</v>
      </c>
      <c r="H4" s="24" t="s">
        <v>54</v>
      </c>
      <c r="I4" s="106" t="s">
        <v>348</v>
      </c>
    </row>
    <row r="5" spans="2:9" ht="70.150000000000006" customHeight="1">
      <c r="B5" s="50" t="s">
        <v>60</v>
      </c>
      <c r="C5" s="50">
        <v>2</v>
      </c>
      <c r="D5" s="122">
        <v>0.43196544276457888</v>
      </c>
      <c r="G5" s="58" t="s">
        <v>252</v>
      </c>
      <c r="H5" s="50">
        <v>26</v>
      </c>
      <c r="I5" s="122">
        <v>6.18</v>
      </c>
    </row>
    <row r="6" spans="2:9" ht="70.150000000000006" customHeight="1">
      <c r="B6" s="52" t="s">
        <v>61</v>
      </c>
      <c r="C6" s="50">
        <v>2</v>
      </c>
      <c r="D6" s="122">
        <v>0.43196544276457888</v>
      </c>
      <c r="G6" s="58" t="s">
        <v>89</v>
      </c>
      <c r="H6" s="50">
        <v>20</v>
      </c>
      <c r="I6" s="122">
        <v>4.75</v>
      </c>
    </row>
    <row r="7" spans="2:9" ht="70.150000000000006" customHeight="1">
      <c r="B7" s="50" t="s">
        <v>62</v>
      </c>
      <c r="C7" s="50">
        <v>34</v>
      </c>
      <c r="D7" s="122">
        <v>7.3434125269978408</v>
      </c>
      <c r="G7" s="59" t="s">
        <v>277</v>
      </c>
      <c r="H7" s="50">
        <v>32</v>
      </c>
      <c r="I7" s="122">
        <v>7.6</v>
      </c>
    </row>
    <row r="8" spans="2:9" ht="70.150000000000006" customHeight="1">
      <c r="B8" s="50" t="s">
        <v>63</v>
      </c>
      <c r="C8" s="50">
        <v>97</v>
      </c>
      <c r="D8" s="122">
        <v>20.950323974082075</v>
      </c>
      <c r="G8" s="59" t="s">
        <v>278</v>
      </c>
      <c r="H8" s="50">
        <v>99</v>
      </c>
      <c r="I8" s="122">
        <v>23.52</v>
      </c>
    </row>
    <row r="9" spans="2:9" ht="70.150000000000006" customHeight="1">
      <c r="B9" s="50" t="s">
        <v>64</v>
      </c>
      <c r="C9" s="50">
        <v>41</v>
      </c>
      <c r="D9" s="122">
        <v>8.8552915766738654</v>
      </c>
      <c r="G9" s="59" t="s">
        <v>279</v>
      </c>
      <c r="H9" s="50">
        <v>76</v>
      </c>
      <c r="I9" s="122">
        <v>18.05</v>
      </c>
    </row>
    <row r="10" spans="2:9" ht="70.150000000000006" customHeight="1">
      <c r="B10" s="50" t="s">
        <v>65</v>
      </c>
      <c r="C10" s="50">
        <v>10</v>
      </c>
      <c r="D10" s="122">
        <v>2.159827213822894</v>
      </c>
      <c r="G10" s="66" t="s">
        <v>280</v>
      </c>
      <c r="H10" s="50">
        <v>60</v>
      </c>
      <c r="I10" s="122">
        <v>14.249999999999998</v>
      </c>
    </row>
    <row r="11" spans="2:9" ht="70.150000000000006" customHeight="1">
      <c r="B11" s="50" t="s">
        <v>66</v>
      </c>
      <c r="C11" s="50">
        <v>255</v>
      </c>
      <c r="D11" s="122">
        <v>55.0755939524838</v>
      </c>
      <c r="G11" s="66" t="s">
        <v>281</v>
      </c>
      <c r="H11" s="50">
        <v>39</v>
      </c>
      <c r="I11" s="122">
        <v>9.26</v>
      </c>
    </row>
    <row r="12" spans="2:9" ht="70.150000000000006" customHeight="1">
      <c r="B12" s="50" t="s">
        <v>67</v>
      </c>
      <c r="C12" s="50">
        <v>2</v>
      </c>
      <c r="D12" s="122">
        <v>0.43196544276457888</v>
      </c>
      <c r="G12" s="66" t="s">
        <v>346</v>
      </c>
      <c r="H12" s="50">
        <v>69</v>
      </c>
      <c r="I12" s="122">
        <v>16.39</v>
      </c>
    </row>
    <row r="13" spans="2:9" ht="70.150000000000006" customHeight="1">
      <c r="B13" s="50" t="s">
        <v>44</v>
      </c>
      <c r="C13" s="50">
        <v>19</v>
      </c>
      <c r="D13" s="122">
        <v>4.1036717062634986</v>
      </c>
      <c r="G13" s="45" t="s">
        <v>253</v>
      </c>
      <c r="H13"/>
      <c r="I13"/>
    </row>
    <row r="14" spans="2:9" ht="70.150000000000006" customHeight="1">
      <c r="G14" s="46" t="s">
        <v>285</v>
      </c>
      <c r="H14"/>
      <c r="I14" s="67" t="s">
        <v>344</v>
      </c>
    </row>
    <row r="15" spans="2:9" ht="70.150000000000006" customHeight="1">
      <c r="B15" s="53" t="s">
        <v>269</v>
      </c>
      <c r="C15" s="20" t="s">
        <v>80</v>
      </c>
      <c r="D15" s="44" t="s">
        <v>337</v>
      </c>
      <c r="E15" s="45">
        <v>463</v>
      </c>
      <c r="G15" s="47" t="s">
        <v>88</v>
      </c>
      <c r="H15" s="24" t="s">
        <v>54</v>
      </c>
      <c r="I15" s="47" t="s">
        <v>2</v>
      </c>
    </row>
    <row r="16" spans="2:9" ht="80.099999999999994" customHeight="1">
      <c r="B16" s="47" t="s">
        <v>81</v>
      </c>
      <c r="C16" s="43" t="s">
        <v>349</v>
      </c>
      <c r="D16" s="107" t="s">
        <v>350</v>
      </c>
      <c r="E16" s="49"/>
      <c r="G16" s="58" t="s">
        <v>252</v>
      </c>
      <c r="H16" s="50">
        <v>13</v>
      </c>
      <c r="I16" s="122">
        <v>5.0583657587548636</v>
      </c>
    </row>
    <row r="17" spans="2:9" ht="70.150000000000006" customHeight="1">
      <c r="B17" s="50" t="s">
        <v>82</v>
      </c>
      <c r="C17" s="50">
        <v>388</v>
      </c>
      <c r="D17" s="122">
        <v>83.801295896328298</v>
      </c>
      <c r="G17" s="58" t="s">
        <v>89</v>
      </c>
      <c r="H17" s="50">
        <v>9</v>
      </c>
      <c r="I17" s="122">
        <v>3.5019455252918288</v>
      </c>
    </row>
    <row r="18" spans="2:9" ht="70.150000000000006" customHeight="1">
      <c r="B18" s="50" t="s">
        <v>83</v>
      </c>
      <c r="C18" s="50">
        <v>367</v>
      </c>
      <c r="D18" s="122">
        <v>79.265658747300222</v>
      </c>
      <c r="G18" s="59" t="s">
        <v>353</v>
      </c>
      <c r="H18" s="50">
        <v>10</v>
      </c>
      <c r="I18" s="122">
        <v>3.8910505836575875</v>
      </c>
    </row>
    <row r="19" spans="2:9" ht="70.150000000000006" customHeight="1">
      <c r="B19" s="50" t="s">
        <v>84</v>
      </c>
      <c r="C19" s="50">
        <v>159</v>
      </c>
      <c r="D19" s="122">
        <v>34.341252699784022</v>
      </c>
      <c r="G19" s="59" t="s">
        <v>278</v>
      </c>
      <c r="H19" s="50">
        <v>44</v>
      </c>
      <c r="I19" s="122">
        <v>17.120622568093385</v>
      </c>
    </row>
    <row r="20" spans="2:9" ht="70.150000000000006" customHeight="1">
      <c r="B20" s="50" t="s">
        <v>85</v>
      </c>
      <c r="C20" s="50">
        <v>385</v>
      </c>
      <c r="D20" s="122">
        <v>83.15334773218143</v>
      </c>
      <c r="G20" s="59" t="s">
        <v>279</v>
      </c>
      <c r="H20" s="50">
        <v>43</v>
      </c>
      <c r="I20" s="122">
        <v>16.731517509727624</v>
      </c>
    </row>
    <row r="21" spans="2:9" ht="70.150000000000006" customHeight="1">
      <c r="B21" s="50" t="s">
        <v>86</v>
      </c>
      <c r="C21" s="50">
        <v>43</v>
      </c>
      <c r="D21" s="122">
        <v>9.2872570194384458</v>
      </c>
      <c r="G21" s="66" t="s">
        <v>280</v>
      </c>
      <c r="H21" s="50">
        <v>40</v>
      </c>
      <c r="I21" s="122">
        <v>15.56420233463035</v>
      </c>
    </row>
    <row r="22" spans="2:9" ht="70.150000000000006" customHeight="1">
      <c r="B22" s="50" t="s">
        <v>87</v>
      </c>
      <c r="C22" s="50">
        <v>384</v>
      </c>
      <c r="D22" s="122">
        <v>82.937365010799141</v>
      </c>
      <c r="G22" s="66" t="s">
        <v>281</v>
      </c>
      <c r="H22" s="50">
        <v>33</v>
      </c>
      <c r="I22" s="122">
        <v>12.840466926070038</v>
      </c>
    </row>
    <row r="23" spans="2:9" ht="70.150000000000006" customHeight="1">
      <c r="C23" s="51"/>
      <c r="D23" s="51"/>
      <c r="E23" s="51"/>
      <c r="G23" s="66" t="s">
        <v>347</v>
      </c>
      <c r="H23" s="50">
        <v>65</v>
      </c>
      <c r="I23" s="122">
        <v>25.291828793774318</v>
      </c>
    </row>
    <row r="24" spans="2:9" ht="70.150000000000006" customHeight="1">
      <c r="B24" s="53" t="s">
        <v>268</v>
      </c>
      <c r="C24" s="20" t="s">
        <v>80</v>
      </c>
      <c r="D24" s="44" t="s">
        <v>337</v>
      </c>
      <c r="E24" s="45">
        <v>463</v>
      </c>
      <c r="G24" s="46" t="s">
        <v>282</v>
      </c>
    </row>
    <row r="25" spans="2:9" ht="70.150000000000006" customHeight="1">
      <c r="B25" s="47" t="s">
        <v>69</v>
      </c>
      <c r="C25" s="43" t="s">
        <v>349</v>
      </c>
      <c r="D25" s="107" t="s">
        <v>350</v>
      </c>
      <c r="E25" s="49"/>
      <c r="G25" s="51" t="s">
        <v>286</v>
      </c>
      <c r="H25" s="51"/>
      <c r="I25" s="51" t="s">
        <v>345</v>
      </c>
    </row>
    <row r="26" spans="2:9" ht="70.150000000000006" customHeight="1">
      <c r="B26" s="50" t="s">
        <v>70</v>
      </c>
      <c r="C26" s="50">
        <v>402</v>
      </c>
      <c r="D26" s="122">
        <v>86.825053995680349</v>
      </c>
      <c r="G26" s="47" t="s">
        <v>88</v>
      </c>
      <c r="H26" s="24" t="s">
        <v>54</v>
      </c>
      <c r="I26" s="47" t="s">
        <v>2</v>
      </c>
    </row>
    <row r="27" spans="2:9" ht="70.150000000000006" customHeight="1">
      <c r="B27" s="50" t="s">
        <v>71</v>
      </c>
      <c r="C27" s="50">
        <v>196</v>
      </c>
      <c r="D27" s="122">
        <v>42.332613390928728</v>
      </c>
      <c r="G27" s="58" t="s">
        <v>252</v>
      </c>
      <c r="H27" s="50">
        <v>13</v>
      </c>
      <c r="I27" s="122">
        <v>7.9268292682926829</v>
      </c>
    </row>
    <row r="28" spans="2:9" ht="70.150000000000006" customHeight="1">
      <c r="B28" s="50" t="s">
        <v>72</v>
      </c>
      <c r="C28" s="50">
        <v>20</v>
      </c>
      <c r="D28" s="122">
        <v>4.319654427645788</v>
      </c>
      <c r="G28" s="58" t="s">
        <v>89</v>
      </c>
      <c r="H28" s="50">
        <v>11</v>
      </c>
      <c r="I28" s="122">
        <v>6.7073170731707323</v>
      </c>
    </row>
    <row r="29" spans="2:9" ht="70.150000000000006" customHeight="1">
      <c r="B29" s="50" t="s">
        <v>73</v>
      </c>
      <c r="C29" s="50">
        <v>18</v>
      </c>
      <c r="D29" s="122">
        <v>3.8876889848812093</v>
      </c>
      <c r="G29" s="59" t="s">
        <v>352</v>
      </c>
      <c r="H29" s="50">
        <v>22</v>
      </c>
      <c r="I29" s="122">
        <v>13.414634146341465</v>
      </c>
    </row>
    <row r="30" spans="2:9" ht="70.150000000000006" customHeight="1">
      <c r="B30" s="50" t="s">
        <v>74</v>
      </c>
      <c r="C30" s="50">
        <v>19</v>
      </c>
      <c r="D30" s="122">
        <v>4.1036717062634986</v>
      </c>
      <c r="G30" s="59" t="s">
        <v>278</v>
      </c>
      <c r="H30" s="50">
        <v>55</v>
      </c>
      <c r="I30" s="122">
        <v>33.536585365853661</v>
      </c>
    </row>
    <row r="31" spans="2:9" ht="70.150000000000006" customHeight="1">
      <c r="B31" s="50" t="s">
        <v>75</v>
      </c>
      <c r="C31" s="50">
        <v>2</v>
      </c>
      <c r="D31" s="122">
        <v>0.43196544276457888</v>
      </c>
      <c r="G31" s="59" t="s">
        <v>279</v>
      </c>
      <c r="H31" s="50">
        <v>33</v>
      </c>
      <c r="I31" s="122">
        <v>20.121951219512198</v>
      </c>
    </row>
    <row r="32" spans="2:9" ht="70.150000000000006" customHeight="1">
      <c r="B32" s="50" t="s">
        <v>76</v>
      </c>
      <c r="C32" s="50">
        <v>269</v>
      </c>
      <c r="D32" s="122">
        <v>58.099352051835851</v>
      </c>
      <c r="G32" s="66" t="s">
        <v>280</v>
      </c>
      <c r="H32" s="50">
        <v>20</v>
      </c>
      <c r="I32" s="122">
        <v>12.195121951219512</v>
      </c>
    </row>
    <row r="33" spans="2:9" ht="70.150000000000006" customHeight="1">
      <c r="B33" s="50" t="s">
        <v>77</v>
      </c>
      <c r="C33" s="50">
        <v>221</v>
      </c>
      <c r="D33" s="122">
        <v>47.732181425485962</v>
      </c>
      <c r="G33" s="66" t="s">
        <v>281</v>
      </c>
      <c r="H33" s="50">
        <v>6</v>
      </c>
      <c r="I33" s="122">
        <v>3.6585365853658534</v>
      </c>
    </row>
    <row r="34" spans="2:9" ht="70.150000000000006" customHeight="1">
      <c r="B34" s="50" t="s">
        <v>78</v>
      </c>
      <c r="C34" s="50">
        <v>294</v>
      </c>
      <c r="D34" s="122">
        <v>63.498920086393085</v>
      </c>
      <c r="G34" s="66" t="s">
        <v>347</v>
      </c>
      <c r="H34" s="50">
        <v>4</v>
      </c>
      <c r="I34" s="122">
        <v>2.4390243902439024</v>
      </c>
    </row>
    <row r="35" spans="2:9" ht="70.150000000000006" customHeight="1">
      <c r="B35" s="50" t="s">
        <v>79</v>
      </c>
      <c r="C35" s="50">
        <v>279</v>
      </c>
      <c r="D35" s="122">
        <v>60.259179265658744</v>
      </c>
      <c r="G35" s="46" t="s">
        <v>283</v>
      </c>
    </row>
    <row r="36" spans="2:9" ht="70.150000000000006" customHeight="1"/>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Q36"/>
  <sheetViews>
    <sheetView view="pageBreakPreview" zoomScale="50" zoomScaleNormal="80" zoomScaleSheetLayoutView="50" workbookViewId="0"/>
  </sheetViews>
  <sheetFormatPr defaultColWidth="9" defaultRowHeight="28.5"/>
  <cols>
    <col min="1" max="1" width="9" style="316"/>
    <col min="2" max="2" width="24.625" style="316" customWidth="1"/>
    <col min="3" max="14" width="20.875" style="316" customWidth="1"/>
    <col min="15" max="17" width="12.625" style="316" customWidth="1"/>
    <col min="18" max="16384" width="9" style="316"/>
  </cols>
  <sheetData>
    <row r="1" spans="1:17" ht="45" customHeight="1">
      <c r="A1" s="433" t="s">
        <v>0</v>
      </c>
    </row>
    <row r="2" spans="1:17" ht="45" customHeight="1">
      <c r="A2" s="433" t="s">
        <v>532</v>
      </c>
    </row>
    <row r="3" spans="1:17" ht="45" customHeight="1" thickBot="1">
      <c r="B3" s="316" t="s">
        <v>533</v>
      </c>
    </row>
    <row r="4" spans="1:17" ht="45" customHeight="1">
      <c r="B4" s="586" t="s">
        <v>24</v>
      </c>
      <c r="C4" s="588" t="s">
        <v>23</v>
      </c>
      <c r="D4" s="589"/>
      <c r="E4" s="589"/>
      <c r="F4" s="590"/>
      <c r="G4" s="588" t="s">
        <v>25</v>
      </c>
      <c r="H4" s="589"/>
      <c r="I4" s="589"/>
      <c r="J4" s="590"/>
      <c r="K4" s="588" t="s">
        <v>26</v>
      </c>
      <c r="L4" s="589"/>
      <c r="M4" s="589"/>
      <c r="N4" s="590"/>
    </row>
    <row r="5" spans="1:17" ht="48.75" thickBot="1">
      <c r="B5" s="587"/>
      <c r="C5" s="434" t="s">
        <v>441</v>
      </c>
      <c r="D5" s="435" t="s">
        <v>442</v>
      </c>
      <c r="E5" s="436" t="s">
        <v>513</v>
      </c>
      <c r="F5" s="437" t="s">
        <v>500</v>
      </c>
      <c r="G5" s="434" t="s">
        <v>441</v>
      </c>
      <c r="H5" s="435" t="s">
        <v>442</v>
      </c>
      <c r="I5" s="436" t="s">
        <v>513</v>
      </c>
      <c r="J5" s="437" t="s">
        <v>500</v>
      </c>
      <c r="K5" s="434" t="s">
        <v>441</v>
      </c>
      <c r="L5" s="435" t="s">
        <v>442</v>
      </c>
      <c r="M5" s="436" t="s">
        <v>513</v>
      </c>
      <c r="N5" s="437" t="s">
        <v>500</v>
      </c>
    </row>
    <row r="6" spans="1:17" ht="45" customHeight="1" thickTop="1">
      <c r="B6" s="438" t="s">
        <v>47</v>
      </c>
      <c r="C6" s="439">
        <v>67</v>
      </c>
      <c r="D6" s="440">
        <v>66</v>
      </c>
      <c r="E6" s="440">
        <v>12</v>
      </c>
      <c r="F6" s="248">
        <v>18.045112781954884</v>
      </c>
      <c r="G6" s="439">
        <v>44</v>
      </c>
      <c r="H6" s="440">
        <v>41</v>
      </c>
      <c r="I6" s="440">
        <v>8</v>
      </c>
      <c r="J6" s="248">
        <v>18.823529411764707</v>
      </c>
      <c r="K6" s="439">
        <v>23</v>
      </c>
      <c r="L6" s="440">
        <v>25</v>
      </c>
      <c r="M6" s="440">
        <v>4</v>
      </c>
      <c r="N6" s="248">
        <v>16.666666666666664</v>
      </c>
    </row>
    <row r="7" spans="1:17" ht="45" customHeight="1">
      <c r="B7" s="441" t="s">
        <v>21</v>
      </c>
      <c r="C7" s="442">
        <v>36</v>
      </c>
      <c r="D7" s="440">
        <v>30</v>
      </c>
      <c r="E7" s="440">
        <v>2</v>
      </c>
      <c r="F7" s="248">
        <v>6.0606060606060606</v>
      </c>
      <c r="G7" s="442">
        <v>9</v>
      </c>
      <c r="H7" s="443">
        <v>7</v>
      </c>
      <c r="I7" s="443">
        <v>0</v>
      </c>
      <c r="J7" s="248">
        <v>0</v>
      </c>
      <c r="K7" s="442">
        <v>27</v>
      </c>
      <c r="L7" s="443">
        <v>23</v>
      </c>
      <c r="M7" s="443">
        <v>2</v>
      </c>
      <c r="N7" s="248">
        <v>8</v>
      </c>
    </row>
    <row r="8" spans="1:17" ht="45" customHeight="1">
      <c r="B8" s="441" t="s">
        <v>48</v>
      </c>
      <c r="C8" s="442">
        <v>3764</v>
      </c>
      <c r="D8" s="440">
        <v>3861</v>
      </c>
      <c r="E8" s="440">
        <v>735</v>
      </c>
      <c r="F8" s="248">
        <v>19.278688524590166</v>
      </c>
      <c r="G8" s="442">
        <v>2207</v>
      </c>
      <c r="H8" s="443">
        <v>2258</v>
      </c>
      <c r="I8" s="443">
        <v>407</v>
      </c>
      <c r="J8" s="248">
        <v>18.230683090705487</v>
      </c>
      <c r="K8" s="442">
        <v>1557</v>
      </c>
      <c r="L8" s="443">
        <v>1603</v>
      </c>
      <c r="M8" s="443">
        <v>328</v>
      </c>
      <c r="N8" s="248">
        <v>20.759493670886076</v>
      </c>
    </row>
    <row r="9" spans="1:17" ht="45" customHeight="1" thickBot="1">
      <c r="B9" s="444" t="s">
        <v>49</v>
      </c>
      <c r="C9" s="445">
        <v>196</v>
      </c>
      <c r="D9" s="446">
        <v>166</v>
      </c>
      <c r="E9" s="446">
        <v>34</v>
      </c>
      <c r="F9" s="447">
        <v>18.784530386740332</v>
      </c>
      <c r="G9" s="445">
        <v>103</v>
      </c>
      <c r="H9" s="446">
        <v>78</v>
      </c>
      <c r="I9" s="446">
        <v>17</v>
      </c>
      <c r="J9" s="448">
        <v>18.784530386740332</v>
      </c>
      <c r="K9" s="445">
        <v>93</v>
      </c>
      <c r="L9" s="446">
        <v>88</v>
      </c>
      <c r="M9" s="446">
        <v>17</v>
      </c>
      <c r="N9" s="448">
        <v>18.784530386740332</v>
      </c>
    </row>
    <row r="10" spans="1:17" ht="45" customHeight="1" thickTop="1" thickBot="1">
      <c r="B10" s="449" t="s">
        <v>50</v>
      </c>
      <c r="C10" s="450">
        <v>4063</v>
      </c>
      <c r="D10" s="451">
        <v>4123</v>
      </c>
      <c r="E10" s="451">
        <v>783</v>
      </c>
      <c r="F10" s="452">
        <v>19.130222330808696</v>
      </c>
      <c r="G10" s="450">
        <v>2363</v>
      </c>
      <c r="H10" s="451">
        <v>2384</v>
      </c>
      <c r="I10" s="451">
        <v>432</v>
      </c>
      <c r="J10" s="453">
        <v>18.20096903307352</v>
      </c>
      <c r="K10" s="450">
        <v>1700</v>
      </c>
      <c r="L10" s="451">
        <v>1739</v>
      </c>
      <c r="M10" s="451">
        <v>351</v>
      </c>
      <c r="N10" s="453">
        <v>20.412910729863331</v>
      </c>
    </row>
    <row r="11" spans="1:17" ht="45" customHeight="1">
      <c r="B11" s="391"/>
      <c r="C11" s="391"/>
      <c r="D11" s="391"/>
      <c r="E11" s="391"/>
      <c r="F11" s="391"/>
      <c r="G11" s="391"/>
      <c r="H11" s="391"/>
      <c r="I11" s="391"/>
      <c r="J11" s="391"/>
      <c r="K11" s="391"/>
      <c r="L11" s="391"/>
      <c r="M11" s="391"/>
      <c r="N11" s="391"/>
      <c r="O11" s="391"/>
      <c r="P11" s="391"/>
      <c r="Q11" s="391"/>
    </row>
    <row r="12" spans="1:17" ht="45" customHeight="1" thickBot="1">
      <c r="B12" s="316" t="s">
        <v>535</v>
      </c>
    </row>
    <row r="13" spans="1:17" ht="45" customHeight="1">
      <c r="B13" s="593" t="s">
        <v>24</v>
      </c>
      <c r="C13" s="593" t="s">
        <v>355</v>
      </c>
      <c r="D13" s="595"/>
      <c r="E13" s="596"/>
      <c r="F13" s="593" t="s">
        <v>356</v>
      </c>
      <c r="G13" s="595"/>
      <c r="H13" s="596"/>
      <c r="I13" s="593" t="s">
        <v>357</v>
      </c>
      <c r="J13" s="595"/>
      <c r="K13" s="596"/>
    </row>
    <row r="14" spans="1:17" ht="45" customHeight="1" thickBot="1">
      <c r="B14" s="594"/>
      <c r="C14" s="454" t="s">
        <v>326</v>
      </c>
      <c r="D14" s="455" t="s">
        <v>327</v>
      </c>
      <c r="E14" s="456" t="s">
        <v>501</v>
      </c>
      <c r="F14" s="454" t="s">
        <v>326</v>
      </c>
      <c r="G14" s="455" t="s">
        <v>327</v>
      </c>
      <c r="H14" s="456" t="s">
        <v>501</v>
      </c>
      <c r="I14" s="454" t="s">
        <v>326</v>
      </c>
      <c r="J14" s="455" t="s">
        <v>327</v>
      </c>
      <c r="K14" s="456" t="s">
        <v>501</v>
      </c>
    </row>
    <row r="15" spans="1:17" ht="45" customHeight="1" thickTop="1">
      <c r="B15" s="457" t="s">
        <v>22</v>
      </c>
      <c r="C15" s="458">
        <v>17.399999999999999</v>
      </c>
      <c r="D15" s="459">
        <v>12.7</v>
      </c>
      <c r="E15" s="248">
        <v>18</v>
      </c>
      <c r="F15" s="458">
        <v>23.6</v>
      </c>
      <c r="G15" s="459">
        <v>11.9</v>
      </c>
      <c r="H15" s="460">
        <v>18.8</v>
      </c>
      <c r="I15" s="458">
        <v>3.9</v>
      </c>
      <c r="J15" s="459">
        <v>14.3</v>
      </c>
      <c r="K15" s="460">
        <v>16.7</v>
      </c>
    </row>
    <row r="16" spans="1:17" ht="45" customHeight="1">
      <c r="B16" s="461" t="s">
        <v>21</v>
      </c>
      <c r="C16" s="462">
        <v>15.4</v>
      </c>
      <c r="D16" s="463">
        <v>0</v>
      </c>
      <c r="E16" s="464">
        <v>6.1</v>
      </c>
      <c r="F16" s="462">
        <v>0</v>
      </c>
      <c r="G16" s="463">
        <v>0</v>
      </c>
      <c r="H16" s="464">
        <v>0</v>
      </c>
      <c r="I16" s="462">
        <v>18.2</v>
      </c>
      <c r="J16" s="463">
        <v>0</v>
      </c>
      <c r="K16" s="465">
        <v>8</v>
      </c>
    </row>
    <row r="17" spans="2:14" ht="45" customHeight="1">
      <c r="B17" s="461" t="s">
        <v>20</v>
      </c>
      <c r="C17" s="466">
        <v>18.600000000000001</v>
      </c>
      <c r="D17" s="467">
        <v>18.100000000000001</v>
      </c>
      <c r="E17" s="250">
        <v>19.3</v>
      </c>
      <c r="F17" s="466">
        <v>17.8</v>
      </c>
      <c r="G17" s="467">
        <v>17.2</v>
      </c>
      <c r="H17" s="250">
        <v>18.3</v>
      </c>
      <c r="I17" s="466">
        <v>19.7</v>
      </c>
      <c r="J17" s="467">
        <v>19.3</v>
      </c>
      <c r="K17" s="250">
        <v>20.8</v>
      </c>
    </row>
    <row r="18" spans="2:14" ht="45" customHeight="1" thickBot="1">
      <c r="B18" s="468" t="s">
        <v>19</v>
      </c>
      <c r="C18" s="469">
        <v>31.4</v>
      </c>
      <c r="D18" s="470">
        <v>27.6</v>
      </c>
      <c r="E18" s="251">
        <v>18.8</v>
      </c>
      <c r="F18" s="469">
        <v>22.7</v>
      </c>
      <c r="G18" s="470">
        <v>34.299999999999997</v>
      </c>
      <c r="H18" s="251">
        <v>18.8</v>
      </c>
      <c r="I18" s="469">
        <v>38.299999999999997</v>
      </c>
      <c r="J18" s="470">
        <v>22.5</v>
      </c>
      <c r="K18" s="251">
        <v>18.8</v>
      </c>
    </row>
    <row r="19" spans="2:14" ht="45" customHeight="1" thickTop="1" thickBot="1">
      <c r="B19" s="471" t="s">
        <v>23</v>
      </c>
      <c r="C19" s="472">
        <v>19.100000000000001</v>
      </c>
      <c r="D19" s="473">
        <v>18.399999999999999</v>
      </c>
      <c r="E19" s="252">
        <v>19.100000000000001</v>
      </c>
      <c r="F19" s="474">
        <v>18.100000000000001</v>
      </c>
      <c r="G19" s="473">
        <v>17.8</v>
      </c>
      <c r="H19" s="252">
        <v>18.2</v>
      </c>
      <c r="I19" s="474">
        <v>20.399999999999999</v>
      </c>
      <c r="J19" s="473">
        <v>19.3</v>
      </c>
      <c r="K19" s="252">
        <v>20.399999999999999</v>
      </c>
    </row>
    <row r="20" spans="2:14" ht="45" customHeight="1">
      <c r="B20" s="386"/>
      <c r="C20" s="475"/>
      <c r="D20" s="253"/>
      <c r="E20" s="253"/>
      <c r="F20" s="253"/>
      <c r="G20" s="253"/>
      <c r="H20" s="253"/>
      <c r="I20" s="253"/>
      <c r="J20" s="253"/>
      <c r="K20" s="253"/>
    </row>
    <row r="21" spans="2:14" ht="45" customHeight="1" thickBot="1">
      <c r="B21" s="316" t="s">
        <v>534</v>
      </c>
    </row>
    <row r="22" spans="2:14" ht="45" customHeight="1">
      <c r="B22" s="591" t="s">
        <v>27</v>
      </c>
      <c r="C22" s="588" t="s">
        <v>23</v>
      </c>
      <c r="D22" s="589"/>
      <c r="E22" s="589"/>
      <c r="F22" s="590"/>
      <c r="G22" s="588" t="s">
        <v>25</v>
      </c>
      <c r="H22" s="589"/>
      <c r="I22" s="589"/>
      <c r="J22" s="590"/>
      <c r="K22" s="588" t="s">
        <v>26</v>
      </c>
      <c r="L22" s="589"/>
      <c r="M22" s="589"/>
      <c r="N22" s="590"/>
    </row>
    <row r="23" spans="2:14" s="476" customFormat="1" ht="48.75" thickBot="1">
      <c r="B23" s="592"/>
      <c r="C23" s="434" t="s">
        <v>441</v>
      </c>
      <c r="D23" s="435" t="s">
        <v>442</v>
      </c>
      <c r="E23" s="436" t="s">
        <v>513</v>
      </c>
      <c r="F23" s="437" t="s">
        <v>500</v>
      </c>
      <c r="G23" s="434" t="s">
        <v>441</v>
      </c>
      <c r="H23" s="435" t="s">
        <v>442</v>
      </c>
      <c r="I23" s="436" t="s">
        <v>513</v>
      </c>
      <c r="J23" s="437" t="s">
        <v>500</v>
      </c>
      <c r="K23" s="434" t="s">
        <v>441</v>
      </c>
      <c r="L23" s="435" t="s">
        <v>442</v>
      </c>
      <c r="M23" s="436" t="s">
        <v>513</v>
      </c>
      <c r="N23" s="437" t="s">
        <v>500</v>
      </c>
    </row>
    <row r="24" spans="2:14" ht="45" customHeight="1" thickTop="1">
      <c r="B24" s="477" t="s">
        <v>412</v>
      </c>
      <c r="C24" s="439">
        <v>629</v>
      </c>
      <c r="D24" s="440">
        <v>631</v>
      </c>
      <c r="E24" s="255">
        <v>88</v>
      </c>
      <c r="F24" s="248">
        <v>13.968253968253968</v>
      </c>
      <c r="G24" s="256">
        <v>348</v>
      </c>
      <c r="H24" s="255">
        <v>359</v>
      </c>
      <c r="I24" s="255">
        <v>43</v>
      </c>
      <c r="J24" s="248">
        <v>12.164073550212164</v>
      </c>
      <c r="K24" s="256">
        <v>281</v>
      </c>
      <c r="L24" s="255">
        <v>272</v>
      </c>
      <c r="M24" s="255">
        <v>45</v>
      </c>
      <c r="N24" s="248">
        <v>16.2748643761302</v>
      </c>
    </row>
    <row r="25" spans="2:14" ht="45" customHeight="1">
      <c r="B25" s="477" t="s">
        <v>411</v>
      </c>
      <c r="C25" s="439">
        <v>531</v>
      </c>
      <c r="D25" s="440">
        <v>539</v>
      </c>
      <c r="E25" s="255">
        <v>82</v>
      </c>
      <c r="F25" s="248">
        <v>15.327102803738319</v>
      </c>
      <c r="G25" s="256">
        <v>285</v>
      </c>
      <c r="H25" s="255">
        <v>291</v>
      </c>
      <c r="I25" s="255">
        <v>45</v>
      </c>
      <c r="J25" s="248">
        <v>15.625</v>
      </c>
      <c r="K25" s="256">
        <v>246</v>
      </c>
      <c r="L25" s="255">
        <v>248</v>
      </c>
      <c r="M25" s="255">
        <v>37</v>
      </c>
      <c r="N25" s="248">
        <v>14.979757085020243</v>
      </c>
    </row>
    <row r="26" spans="2:14" ht="45" customHeight="1">
      <c r="B26" s="477" t="s">
        <v>410</v>
      </c>
      <c r="C26" s="439">
        <v>668</v>
      </c>
      <c r="D26" s="440">
        <v>675</v>
      </c>
      <c r="E26" s="255">
        <v>124</v>
      </c>
      <c r="F26" s="248">
        <v>18.466120625465376</v>
      </c>
      <c r="G26" s="256">
        <v>427</v>
      </c>
      <c r="H26" s="255">
        <v>419</v>
      </c>
      <c r="I26" s="255">
        <v>73</v>
      </c>
      <c r="J26" s="248">
        <v>17.257683215130022</v>
      </c>
      <c r="K26" s="256">
        <v>241</v>
      </c>
      <c r="L26" s="255">
        <v>256</v>
      </c>
      <c r="M26" s="255">
        <v>51</v>
      </c>
      <c r="N26" s="248">
        <v>20.52313883299799</v>
      </c>
    </row>
    <row r="27" spans="2:14" ht="45" customHeight="1">
      <c r="B27" s="441" t="s">
        <v>413</v>
      </c>
      <c r="C27" s="439">
        <v>343</v>
      </c>
      <c r="D27" s="440">
        <v>327</v>
      </c>
      <c r="E27" s="255">
        <v>119</v>
      </c>
      <c r="F27" s="248">
        <v>35.522388059701491</v>
      </c>
      <c r="G27" s="258">
        <v>203</v>
      </c>
      <c r="H27" s="257">
        <v>192</v>
      </c>
      <c r="I27" s="257">
        <v>77</v>
      </c>
      <c r="J27" s="248">
        <v>38.9873417721519</v>
      </c>
      <c r="K27" s="258">
        <v>140</v>
      </c>
      <c r="L27" s="257">
        <v>135</v>
      </c>
      <c r="M27" s="257">
        <v>42</v>
      </c>
      <c r="N27" s="248">
        <v>30.545454545454547</v>
      </c>
    </row>
    <row r="28" spans="2:14" ht="45" customHeight="1">
      <c r="B28" s="441" t="s">
        <v>414</v>
      </c>
      <c r="C28" s="439">
        <v>280</v>
      </c>
      <c r="D28" s="440">
        <v>288</v>
      </c>
      <c r="E28" s="255">
        <v>59</v>
      </c>
      <c r="F28" s="248">
        <v>20.774647887323944</v>
      </c>
      <c r="G28" s="258">
        <v>165</v>
      </c>
      <c r="H28" s="257">
        <v>183</v>
      </c>
      <c r="I28" s="257">
        <v>33</v>
      </c>
      <c r="J28" s="248">
        <v>18.96551724137931</v>
      </c>
      <c r="K28" s="258">
        <v>115</v>
      </c>
      <c r="L28" s="257">
        <v>105</v>
      </c>
      <c r="M28" s="257">
        <v>26</v>
      </c>
      <c r="N28" s="248">
        <v>23.636363636363637</v>
      </c>
    </row>
    <row r="29" spans="2:14" ht="45" customHeight="1">
      <c r="B29" s="441" t="s">
        <v>30</v>
      </c>
      <c r="C29" s="439">
        <v>260</v>
      </c>
      <c r="D29" s="440">
        <v>278</v>
      </c>
      <c r="E29" s="255">
        <v>59</v>
      </c>
      <c r="F29" s="248">
        <v>21.933085501858738</v>
      </c>
      <c r="G29" s="258">
        <v>154</v>
      </c>
      <c r="H29" s="257">
        <v>167</v>
      </c>
      <c r="I29" s="257">
        <v>32</v>
      </c>
      <c r="J29" s="248">
        <v>19.937694704049843</v>
      </c>
      <c r="K29" s="258">
        <v>106</v>
      </c>
      <c r="L29" s="257">
        <v>111</v>
      </c>
      <c r="M29" s="257">
        <v>27</v>
      </c>
      <c r="N29" s="248">
        <v>24.88479262672811</v>
      </c>
    </row>
    <row r="30" spans="2:14" ht="45" customHeight="1">
      <c r="B30" s="478" t="s">
        <v>31</v>
      </c>
      <c r="C30" s="439">
        <v>322</v>
      </c>
      <c r="D30" s="440">
        <v>319</v>
      </c>
      <c r="E30" s="255">
        <v>62</v>
      </c>
      <c r="F30" s="248">
        <v>19.344773790951638</v>
      </c>
      <c r="G30" s="258">
        <v>180</v>
      </c>
      <c r="H30" s="257">
        <v>171</v>
      </c>
      <c r="I30" s="257">
        <v>36</v>
      </c>
      <c r="J30" s="248">
        <v>20.512820512820511</v>
      </c>
      <c r="K30" s="258">
        <v>142</v>
      </c>
      <c r="L30" s="257">
        <v>148</v>
      </c>
      <c r="M30" s="257">
        <v>26</v>
      </c>
      <c r="N30" s="248">
        <v>17.931034482758619</v>
      </c>
    </row>
    <row r="31" spans="2:14" ht="45" customHeight="1">
      <c r="B31" s="441" t="s">
        <v>32</v>
      </c>
      <c r="C31" s="439">
        <v>324</v>
      </c>
      <c r="D31" s="440">
        <v>342</v>
      </c>
      <c r="E31" s="255">
        <v>69</v>
      </c>
      <c r="F31" s="248">
        <v>20.72072072072072</v>
      </c>
      <c r="G31" s="258">
        <v>176</v>
      </c>
      <c r="H31" s="257">
        <v>178</v>
      </c>
      <c r="I31" s="257">
        <v>32</v>
      </c>
      <c r="J31" s="248">
        <v>18.07909604519774</v>
      </c>
      <c r="K31" s="258">
        <v>148</v>
      </c>
      <c r="L31" s="257">
        <v>164</v>
      </c>
      <c r="M31" s="257">
        <v>37</v>
      </c>
      <c r="N31" s="248">
        <v>23.717948717948715</v>
      </c>
    </row>
    <row r="32" spans="2:14" ht="45" customHeight="1">
      <c r="B32" s="441" t="s">
        <v>33</v>
      </c>
      <c r="C32" s="439">
        <v>279</v>
      </c>
      <c r="D32" s="440">
        <v>274</v>
      </c>
      <c r="E32" s="255">
        <v>46</v>
      </c>
      <c r="F32" s="248">
        <v>16.636528028933093</v>
      </c>
      <c r="G32" s="258">
        <v>161</v>
      </c>
      <c r="H32" s="257">
        <v>152</v>
      </c>
      <c r="I32" s="257">
        <v>21</v>
      </c>
      <c r="J32" s="248">
        <v>13.418530351437699</v>
      </c>
      <c r="K32" s="258">
        <v>118</v>
      </c>
      <c r="L32" s="257">
        <v>122</v>
      </c>
      <c r="M32" s="257">
        <v>25</v>
      </c>
      <c r="N32" s="248">
        <v>20.833333333333336</v>
      </c>
    </row>
    <row r="33" spans="2:14" ht="45" customHeight="1">
      <c r="B33" s="441" t="s">
        <v>34</v>
      </c>
      <c r="C33" s="439">
        <v>271</v>
      </c>
      <c r="D33" s="440">
        <v>284</v>
      </c>
      <c r="E33" s="255">
        <v>45</v>
      </c>
      <c r="F33" s="248">
        <v>16.216216216216218</v>
      </c>
      <c r="G33" s="258">
        <v>168</v>
      </c>
      <c r="H33" s="257">
        <v>179</v>
      </c>
      <c r="I33" s="257">
        <v>24</v>
      </c>
      <c r="J33" s="248">
        <v>13.8328530259366</v>
      </c>
      <c r="K33" s="258">
        <v>103</v>
      </c>
      <c r="L33" s="257">
        <v>105</v>
      </c>
      <c r="M33" s="257">
        <v>21</v>
      </c>
      <c r="N33" s="248">
        <v>20.192307692307693</v>
      </c>
    </row>
    <row r="34" spans="2:14" ht="45" customHeight="1" thickBot="1">
      <c r="B34" s="444" t="s">
        <v>35</v>
      </c>
      <c r="C34" s="479">
        <v>156</v>
      </c>
      <c r="D34" s="480">
        <v>166</v>
      </c>
      <c r="E34" s="481">
        <v>30</v>
      </c>
      <c r="F34" s="447">
        <v>18.633540372670808</v>
      </c>
      <c r="G34" s="482">
        <v>96</v>
      </c>
      <c r="H34" s="483">
        <v>93</v>
      </c>
      <c r="I34" s="483">
        <v>16</v>
      </c>
      <c r="J34" s="448">
        <v>16.93121693121693</v>
      </c>
      <c r="K34" s="484">
        <v>60</v>
      </c>
      <c r="L34" s="485">
        <v>73</v>
      </c>
      <c r="M34" s="485">
        <v>14</v>
      </c>
      <c r="N34" s="447">
        <v>21.052631578947366</v>
      </c>
    </row>
    <row r="35" spans="2:14" ht="45" customHeight="1" thickTop="1" thickBot="1">
      <c r="B35" s="486" t="s">
        <v>18</v>
      </c>
      <c r="C35" s="487">
        <v>4063</v>
      </c>
      <c r="D35" s="488">
        <v>4123</v>
      </c>
      <c r="E35" s="489">
        <v>783</v>
      </c>
      <c r="F35" s="452">
        <v>19.130222330808696</v>
      </c>
      <c r="G35" s="450">
        <v>2363</v>
      </c>
      <c r="H35" s="451">
        <v>2384</v>
      </c>
      <c r="I35" s="451">
        <v>432</v>
      </c>
      <c r="J35" s="453">
        <v>18.20096903307352</v>
      </c>
      <c r="K35" s="487">
        <v>1700</v>
      </c>
      <c r="L35" s="488">
        <v>1739</v>
      </c>
      <c r="M35" s="488">
        <v>351</v>
      </c>
      <c r="N35" s="452">
        <v>20.412910729863331</v>
      </c>
    </row>
    <row r="36" spans="2:14" ht="30" customHeight="1">
      <c r="L36" s="391"/>
    </row>
  </sheetData>
  <mergeCells count="12">
    <mergeCell ref="B4:B5"/>
    <mergeCell ref="C4:F4"/>
    <mergeCell ref="G4:J4"/>
    <mergeCell ref="K4:N4"/>
    <mergeCell ref="C22:F22"/>
    <mergeCell ref="G22:J22"/>
    <mergeCell ref="K22:N22"/>
    <mergeCell ref="B22:B23"/>
    <mergeCell ref="B13:B14"/>
    <mergeCell ref="C13:E13"/>
    <mergeCell ref="F13:H13"/>
    <mergeCell ref="I13:K13"/>
  </mergeCells>
  <phoneticPr fontId="1"/>
  <printOptions horizontalCentered="1"/>
  <pageMargins left="0.23622047244094491" right="0.43307086614173229" top="0.78740157480314965" bottom="0.59055118110236227" header="0.31496062992125984" footer="0.31496062992125984"/>
  <pageSetup paperSize="9" scale="45" fitToHeight="2" orientation="landscape" r:id="rId1"/>
  <headerFooter scaleWithDoc="0" alignWithMargins="0">
    <oddFooter>&amp;C&amp;P</oddFooter>
  </headerFooter>
  <rowBreaks count="1" manualBreakCount="1">
    <brk id="19" max="1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22"/>
  <sheetViews>
    <sheetView view="pageBreakPreview" zoomScale="90" zoomScaleNormal="80" zoomScaleSheetLayoutView="90" workbookViewId="0"/>
  </sheetViews>
  <sheetFormatPr defaultColWidth="9" defaultRowHeight="14.25"/>
  <cols>
    <col min="1" max="10" width="17.625" style="10" customWidth="1"/>
    <col min="11" max="16384" width="9" style="10"/>
  </cols>
  <sheetData>
    <row r="1" spans="1:10" ht="30" customHeight="1" thickBot="1">
      <c r="A1" s="10" t="s">
        <v>311</v>
      </c>
    </row>
    <row r="2" spans="1:10" ht="30" customHeight="1" thickBot="1">
      <c r="A2" s="597" t="s">
        <v>24</v>
      </c>
      <c r="B2" s="604" t="s">
        <v>23</v>
      </c>
      <c r="C2" s="605"/>
      <c r="D2" s="604" t="s">
        <v>25</v>
      </c>
      <c r="E2" s="605"/>
      <c r="F2" s="604" t="s">
        <v>26</v>
      </c>
      <c r="G2" s="605"/>
    </row>
    <row r="3" spans="1:10" ht="65.099999999999994" customHeight="1" thickBot="1">
      <c r="A3" s="598"/>
      <c r="B3" s="60" t="s">
        <v>326</v>
      </c>
      <c r="C3" s="60" t="s">
        <v>327</v>
      </c>
      <c r="D3" s="60" t="s">
        <v>326</v>
      </c>
      <c r="E3" s="60" t="s">
        <v>327</v>
      </c>
      <c r="F3" s="60" t="s">
        <v>326</v>
      </c>
      <c r="G3" s="60" t="s">
        <v>327</v>
      </c>
    </row>
    <row r="4" spans="1:10" ht="35.1" customHeight="1" thickTop="1">
      <c r="A4" s="11" t="s">
        <v>22</v>
      </c>
      <c r="B4" s="12">
        <v>0.17391304347826086</v>
      </c>
      <c r="C4" s="12">
        <v>0.12698412698412698</v>
      </c>
      <c r="D4" s="12">
        <v>0.23636363636363636</v>
      </c>
      <c r="E4" s="12">
        <v>0.11904761904761904</v>
      </c>
      <c r="F4" s="12">
        <v>3.9215686274509803E-2</v>
      </c>
      <c r="G4" s="12">
        <v>0.14285714285714285</v>
      </c>
    </row>
    <row r="5" spans="1:10" ht="35.1" customHeight="1">
      <c r="A5" s="13" t="s">
        <v>21</v>
      </c>
      <c r="B5" s="14">
        <v>0.15384615384615385</v>
      </c>
      <c r="C5" s="14">
        <v>0</v>
      </c>
      <c r="D5" s="14">
        <v>0</v>
      </c>
      <c r="E5" s="14">
        <v>0</v>
      </c>
      <c r="F5" s="14">
        <v>0.18181818181818182</v>
      </c>
      <c r="G5" s="14">
        <v>0</v>
      </c>
    </row>
    <row r="6" spans="1:10" ht="35.1" customHeight="1">
      <c r="A6" s="13" t="s">
        <v>20</v>
      </c>
      <c r="B6" s="14">
        <v>0.18615107913669066</v>
      </c>
      <c r="C6" s="14">
        <v>0.18121853844818608</v>
      </c>
      <c r="D6" s="14">
        <v>0.17750202319935257</v>
      </c>
      <c r="E6" s="14">
        <v>0.1723507917174178</v>
      </c>
      <c r="F6" s="14">
        <v>0.196964586846543</v>
      </c>
      <c r="G6" s="14">
        <v>0.19297537343560758</v>
      </c>
    </row>
    <row r="7" spans="1:10" ht="35.1" customHeight="1" thickBot="1">
      <c r="A7" s="108" t="s">
        <v>19</v>
      </c>
      <c r="B7" s="109">
        <v>0.31438127090301005</v>
      </c>
      <c r="C7" s="109">
        <v>0.27564102564102566</v>
      </c>
      <c r="D7" s="109">
        <v>0.22727272727272727</v>
      </c>
      <c r="E7" s="109">
        <v>0.34328358208955223</v>
      </c>
      <c r="F7" s="109">
        <v>0.38323353293413176</v>
      </c>
      <c r="G7" s="109">
        <v>0.2247191011235955</v>
      </c>
    </row>
    <row r="8" spans="1:10" ht="35.1" customHeight="1">
      <c r="A8" s="6"/>
      <c r="B8" s="6"/>
      <c r="C8" s="6"/>
      <c r="D8" s="6"/>
      <c r="E8" s="6"/>
      <c r="F8" s="6"/>
      <c r="G8" s="6"/>
      <c r="H8" s="6"/>
      <c r="I8" s="6"/>
      <c r="J8" s="6"/>
    </row>
    <row r="9" spans="1:10" ht="30" customHeight="1" thickBot="1">
      <c r="A9" s="10" t="s">
        <v>310</v>
      </c>
    </row>
    <row r="10" spans="1:10" ht="30" customHeight="1" thickBot="1">
      <c r="A10" s="599" t="s">
        <v>27</v>
      </c>
      <c r="B10" s="601" t="s">
        <v>271</v>
      </c>
      <c r="C10" s="602"/>
      <c r="D10" s="603"/>
      <c r="E10" s="606" t="s">
        <v>23</v>
      </c>
      <c r="F10" s="605"/>
      <c r="G10" s="604" t="s">
        <v>25</v>
      </c>
      <c r="H10" s="605"/>
      <c r="I10" s="604" t="s">
        <v>26</v>
      </c>
      <c r="J10" s="605"/>
    </row>
    <row r="11" spans="1:10" ht="65.099999999999994" customHeight="1" thickBot="1">
      <c r="A11" s="600"/>
      <c r="B11" s="64" t="s">
        <v>328</v>
      </c>
      <c r="C11" s="65" t="s">
        <v>329</v>
      </c>
      <c r="D11" s="69" t="s">
        <v>330</v>
      </c>
      <c r="E11" s="60" t="s">
        <v>326</v>
      </c>
      <c r="F11" s="60" t="s">
        <v>327</v>
      </c>
      <c r="G11" s="60" t="s">
        <v>326</v>
      </c>
      <c r="H11" s="60" t="s">
        <v>327</v>
      </c>
      <c r="I11" s="60" t="s">
        <v>326</v>
      </c>
      <c r="J11" s="60" t="s">
        <v>327</v>
      </c>
    </row>
    <row r="12" spans="1:10" ht="35.1" customHeight="1" thickTop="1">
      <c r="A12" s="15" t="s">
        <v>28</v>
      </c>
      <c r="B12" s="63">
        <v>229</v>
      </c>
      <c r="C12" s="62">
        <v>180</v>
      </c>
      <c r="D12" s="70">
        <v>49</v>
      </c>
      <c r="E12" s="61">
        <v>0.1768538628606888</v>
      </c>
      <c r="F12" s="77">
        <v>0.156515034695451</v>
      </c>
      <c r="G12" s="16">
        <v>0.16475972540045766</v>
      </c>
      <c r="H12" s="16">
        <v>0.14530500342700481</v>
      </c>
      <c r="I12" s="16">
        <v>0.19118644067796611</v>
      </c>
      <c r="J12" s="16">
        <v>0.17092511013215858</v>
      </c>
    </row>
    <row r="13" spans="1:10" ht="35.1" customHeight="1">
      <c r="A13" s="13" t="s">
        <v>29</v>
      </c>
      <c r="B13" s="63">
        <v>62</v>
      </c>
      <c r="C13" s="62">
        <v>59</v>
      </c>
      <c r="D13" s="70">
        <v>3</v>
      </c>
      <c r="E13" s="61">
        <v>0.20987654320987653</v>
      </c>
      <c r="F13" s="77">
        <v>0.18274111675126903</v>
      </c>
      <c r="G13" s="16">
        <v>0.22261484098939929</v>
      </c>
      <c r="H13" s="16">
        <v>0.18683651804670912</v>
      </c>
      <c r="I13" s="16">
        <v>0.19211822660098521</v>
      </c>
      <c r="J13" s="16">
        <v>0.17665615141955837</v>
      </c>
    </row>
    <row r="14" spans="1:10" ht="35.1" customHeight="1">
      <c r="A14" s="13" t="s">
        <v>30</v>
      </c>
      <c r="B14" s="63">
        <v>37</v>
      </c>
      <c r="C14" s="62">
        <v>38</v>
      </c>
      <c r="D14" s="70">
        <v>-1</v>
      </c>
      <c r="E14" s="61">
        <v>0.19775280898876405</v>
      </c>
      <c r="F14" s="77">
        <v>0.19006479481641469</v>
      </c>
      <c r="G14" s="16">
        <v>0.16535433070866143</v>
      </c>
      <c r="H14" s="68">
        <v>0.1811320754716981</v>
      </c>
      <c r="I14" s="16">
        <v>0.24083769633507854</v>
      </c>
      <c r="J14" s="16">
        <v>0.20202020202020202</v>
      </c>
    </row>
    <row r="15" spans="1:10" ht="35.1" customHeight="1">
      <c r="A15" s="13" t="s">
        <v>31</v>
      </c>
      <c r="B15" s="63">
        <v>43</v>
      </c>
      <c r="C15" s="62">
        <v>43</v>
      </c>
      <c r="D15" s="70">
        <v>0</v>
      </c>
      <c r="E15" s="61">
        <v>0.19140625</v>
      </c>
      <c r="F15" s="77">
        <v>0.17422867513611615</v>
      </c>
      <c r="G15" s="16">
        <v>0.16666666666666666</v>
      </c>
      <c r="H15" s="16">
        <v>0.1553398058252427</v>
      </c>
      <c r="I15" s="16">
        <v>0.22641509433962265</v>
      </c>
      <c r="J15" s="16">
        <v>0.19834710743801653</v>
      </c>
    </row>
    <row r="16" spans="1:10" ht="35.1" customHeight="1">
      <c r="A16" s="13" t="s">
        <v>32</v>
      </c>
      <c r="B16" s="63">
        <v>36</v>
      </c>
      <c r="C16" s="62">
        <v>34</v>
      </c>
      <c r="D16" s="70">
        <v>2</v>
      </c>
      <c r="E16" s="61">
        <v>0.25384615384615383</v>
      </c>
      <c r="F16" s="77">
        <v>0.19844357976653695</v>
      </c>
      <c r="G16" s="16">
        <v>0.27272727272727271</v>
      </c>
      <c r="H16" s="16">
        <v>0.20567375886524822</v>
      </c>
      <c r="I16" s="16">
        <v>0.23076923076923078</v>
      </c>
      <c r="J16" s="16">
        <v>0.18965517241379309</v>
      </c>
    </row>
    <row r="17" spans="1:10" ht="35.1" customHeight="1">
      <c r="A17" s="13" t="s">
        <v>33</v>
      </c>
      <c r="B17" s="63">
        <v>37</v>
      </c>
      <c r="C17" s="62">
        <v>34</v>
      </c>
      <c r="D17" s="70">
        <v>3</v>
      </c>
      <c r="E17" s="61">
        <v>0.16044776119402984</v>
      </c>
      <c r="F17" s="68">
        <v>0.21973094170403587</v>
      </c>
      <c r="G17" s="16">
        <v>0.16140350877192983</v>
      </c>
      <c r="H17" s="68">
        <v>0.22033898305084745</v>
      </c>
      <c r="I17" s="16">
        <v>0.15936254980079681</v>
      </c>
      <c r="J17" s="68">
        <v>0.21904761904761905</v>
      </c>
    </row>
    <row r="18" spans="1:10" ht="35.1" customHeight="1">
      <c r="A18" s="13" t="s">
        <v>34</v>
      </c>
      <c r="B18" s="63">
        <v>54</v>
      </c>
      <c r="C18" s="62">
        <v>50</v>
      </c>
      <c r="D18" s="70">
        <v>4</v>
      </c>
      <c r="E18" s="61">
        <v>0.21568627450980393</v>
      </c>
      <c r="F18" s="68">
        <v>0.25378787878787878</v>
      </c>
      <c r="G18" s="16">
        <v>0.17438692098092642</v>
      </c>
      <c r="H18" s="68">
        <v>0.26993865030674846</v>
      </c>
      <c r="I18" s="16">
        <v>0.27755102040816326</v>
      </c>
      <c r="J18" s="16">
        <v>0.22772277227722773</v>
      </c>
    </row>
    <row r="19" spans="1:10" ht="35.1" customHeight="1" thickBot="1">
      <c r="A19" s="108" t="s">
        <v>35</v>
      </c>
      <c r="B19" s="110">
        <v>21</v>
      </c>
      <c r="C19" s="111">
        <v>25</v>
      </c>
      <c r="D19" s="112">
        <v>-4</v>
      </c>
      <c r="E19" s="113">
        <v>0.1723076923076923</v>
      </c>
      <c r="F19" s="114">
        <v>0.23423423423423423</v>
      </c>
      <c r="G19" s="109">
        <v>0.13793103448275862</v>
      </c>
      <c r="H19" s="114">
        <v>0.17948717948717949</v>
      </c>
      <c r="I19" s="109">
        <v>0.2</v>
      </c>
      <c r="J19" s="114">
        <v>0.2824858757062147</v>
      </c>
    </row>
    <row r="20" spans="1:10" ht="30" customHeight="1"/>
    <row r="21" spans="1:10" ht="20.100000000000001" customHeight="1"/>
    <row r="22" spans="1:10" ht="20.100000000000001" customHeight="1"/>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O36"/>
  <sheetViews>
    <sheetView view="pageBreakPreview" zoomScale="50" zoomScaleNormal="60" zoomScaleSheetLayoutView="50" workbookViewId="0"/>
  </sheetViews>
  <sheetFormatPr defaultColWidth="9" defaultRowHeight="45" customHeight="1"/>
  <cols>
    <col min="1" max="1" width="9" style="158"/>
    <col min="2" max="2" width="20.625" style="158" customWidth="1"/>
    <col min="3" max="3" width="17.125" style="158" customWidth="1"/>
    <col min="4" max="5" width="18.375" style="158" customWidth="1"/>
    <col min="6" max="15" width="17.125" style="158" customWidth="1"/>
    <col min="16" max="16" width="16.625" style="158" customWidth="1"/>
    <col min="17" max="16384" width="9" style="158"/>
  </cols>
  <sheetData>
    <row r="1" spans="1:15" ht="45" customHeight="1">
      <c r="A1" s="246" t="s">
        <v>536</v>
      </c>
    </row>
    <row r="2" spans="1:15" ht="45" customHeight="1" thickBot="1">
      <c r="B2" s="158" t="s">
        <v>537</v>
      </c>
      <c r="H2" s="158" t="s">
        <v>443</v>
      </c>
    </row>
    <row r="3" spans="1:15" ht="39.950000000000003" customHeight="1" thickBot="1">
      <c r="B3" s="262"/>
      <c r="C3" s="612" t="s">
        <v>22</v>
      </c>
      <c r="D3" s="613"/>
      <c r="E3" s="614"/>
      <c r="F3" s="263" t="s">
        <v>21</v>
      </c>
      <c r="G3" s="607" t="s">
        <v>20</v>
      </c>
      <c r="H3" s="608"/>
      <c r="I3" s="609"/>
      <c r="J3" s="607" t="s">
        <v>19</v>
      </c>
      <c r="K3" s="608"/>
      <c r="L3" s="609"/>
      <c r="M3" s="607" t="s">
        <v>51</v>
      </c>
      <c r="N3" s="608"/>
      <c r="O3" s="609"/>
    </row>
    <row r="4" spans="1:15" ht="39.950000000000003" customHeight="1" thickBot="1">
      <c r="B4" s="264"/>
      <c r="C4" s="265" t="s">
        <v>45</v>
      </c>
      <c r="D4" s="266" t="s">
        <v>46</v>
      </c>
      <c r="E4" s="267" t="s">
        <v>18</v>
      </c>
      <c r="F4" s="213" t="s">
        <v>46</v>
      </c>
      <c r="G4" s="265" t="s">
        <v>45</v>
      </c>
      <c r="H4" s="266" t="s">
        <v>46</v>
      </c>
      <c r="I4" s="267" t="s">
        <v>18</v>
      </c>
      <c r="J4" s="265" t="s">
        <v>45</v>
      </c>
      <c r="K4" s="266" t="s">
        <v>46</v>
      </c>
      <c r="L4" s="267" t="s">
        <v>18</v>
      </c>
      <c r="M4" s="265" t="s">
        <v>45</v>
      </c>
      <c r="N4" s="266" t="s">
        <v>46</v>
      </c>
      <c r="O4" s="267" t="s">
        <v>18</v>
      </c>
    </row>
    <row r="5" spans="1:15" ht="39.950000000000003" customHeight="1" thickTop="1">
      <c r="B5" s="268" t="s">
        <v>272</v>
      </c>
      <c r="C5" s="259">
        <v>3</v>
      </c>
      <c r="D5" s="269">
        <v>41</v>
      </c>
      <c r="E5" s="270">
        <v>44</v>
      </c>
      <c r="F5" s="271">
        <v>9</v>
      </c>
      <c r="G5" s="259">
        <v>135</v>
      </c>
      <c r="H5" s="269">
        <v>2072</v>
      </c>
      <c r="I5" s="270">
        <v>2207</v>
      </c>
      <c r="J5" s="259">
        <v>21</v>
      </c>
      <c r="K5" s="269">
        <v>82</v>
      </c>
      <c r="L5" s="270">
        <v>103</v>
      </c>
      <c r="M5" s="272">
        <v>159</v>
      </c>
      <c r="N5" s="273">
        <v>2204</v>
      </c>
      <c r="O5" s="274">
        <v>2363</v>
      </c>
    </row>
    <row r="6" spans="1:15" ht="39.950000000000003" customHeight="1" thickBot="1">
      <c r="B6" s="275" t="s">
        <v>273</v>
      </c>
      <c r="C6" s="276">
        <v>0</v>
      </c>
      <c r="D6" s="277">
        <v>23</v>
      </c>
      <c r="E6" s="278">
        <v>23</v>
      </c>
      <c r="F6" s="279">
        <v>27</v>
      </c>
      <c r="G6" s="276">
        <v>38</v>
      </c>
      <c r="H6" s="280">
        <v>1519</v>
      </c>
      <c r="I6" s="278">
        <v>1557</v>
      </c>
      <c r="J6" s="276">
        <v>12</v>
      </c>
      <c r="K6" s="277">
        <v>81</v>
      </c>
      <c r="L6" s="278">
        <v>93</v>
      </c>
      <c r="M6" s="281">
        <v>50</v>
      </c>
      <c r="N6" s="280">
        <v>1650</v>
      </c>
      <c r="O6" s="282">
        <v>1700</v>
      </c>
    </row>
    <row r="7" spans="1:15" ht="39.950000000000003" customHeight="1" thickTop="1" thickBot="1">
      <c r="B7" s="283" t="s">
        <v>274</v>
      </c>
      <c r="C7" s="284">
        <v>3</v>
      </c>
      <c r="D7" s="285">
        <v>64</v>
      </c>
      <c r="E7" s="286">
        <v>67</v>
      </c>
      <c r="F7" s="287">
        <v>36</v>
      </c>
      <c r="G7" s="284">
        <v>173</v>
      </c>
      <c r="H7" s="285">
        <v>3591</v>
      </c>
      <c r="I7" s="286">
        <v>3764</v>
      </c>
      <c r="J7" s="284">
        <v>33</v>
      </c>
      <c r="K7" s="285">
        <v>163</v>
      </c>
      <c r="L7" s="286">
        <v>196</v>
      </c>
      <c r="M7" s="284">
        <v>209</v>
      </c>
      <c r="N7" s="285">
        <v>3854</v>
      </c>
      <c r="O7" s="286">
        <v>4063</v>
      </c>
    </row>
    <row r="8" spans="1:15" ht="24" customHeight="1"/>
    <row r="9" spans="1:15" ht="39.950000000000003" customHeight="1" thickBot="1">
      <c r="B9" s="158" t="s">
        <v>570</v>
      </c>
    </row>
    <row r="10" spans="1:15" ht="39.950000000000003" customHeight="1" thickBot="1">
      <c r="B10" s="288"/>
      <c r="C10" s="265" t="s">
        <v>502</v>
      </c>
      <c r="D10" s="212" t="s">
        <v>503</v>
      </c>
      <c r="E10" s="212" t="s">
        <v>504</v>
      </c>
      <c r="F10" s="212" t="s">
        <v>505</v>
      </c>
      <c r="G10" s="212" t="s">
        <v>506</v>
      </c>
      <c r="H10" s="213" t="s">
        <v>95</v>
      </c>
      <c r="I10" s="289" t="s">
        <v>18</v>
      </c>
    </row>
    <row r="11" spans="1:15" ht="39.950000000000003" customHeight="1" thickTop="1">
      <c r="B11" s="290" t="s">
        <v>511</v>
      </c>
      <c r="C11" s="291">
        <v>197</v>
      </c>
      <c r="D11" s="261">
        <v>859</v>
      </c>
      <c r="E11" s="260">
        <v>1680</v>
      </c>
      <c r="F11" s="261">
        <v>1073</v>
      </c>
      <c r="G11" s="261">
        <v>307</v>
      </c>
      <c r="H11" s="292">
        <v>43</v>
      </c>
      <c r="I11" s="293">
        <v>4159</v>
      </c>
    </row>
    <row r="12" spans="1:15" ht="39.950000000000003" customHeight="1" thickBot="1">
      <c r="B12" s="294" t="s">
        <v>348</v>
      </c>
      <c r="C12" s="295">
        <v>4.7367155566241887</v>
      </c>
      <c r="D12" s="296">
        <v>20.654003366193795</v>
      </c>
      <c r="E12" s="297">
        <v>40.394325559028609</v>
      </c>
      <c r="F12" s="296">
        <v>25.799471026689108</v>
      </c>
      <c r="G12" s="297">
        <v>7.3815821110843949</v>
      </c>
      <c r="H12" s="298">
        <v>1.033902380379899</v>
      </c>
      <c r="I12" s="299">
        <v>100</v>
      </c>
    </row>
    <row r="13" spans="1:15" ht="23.25" customHeight="1">
      <c r="B13" s="203"/>
      <c r="C13" s="300"/>
      <c r="D13" s="300"/>
      <c r="E13" s="301"/>
      <c r="F13" s="300"/>
      <c r="G13" s="300"/>
      <c r="H13" s="300"/>
      <c r="I13" s="302"/>
    </row>
    <row r="14" spans="1:15" ht="39.950000000000003" customHeight="1" thickBot="1">
      <c r="B14" s="158" t="s">
        <v>538</v>
      </c>
      <c r="H14" s="303" t="s">
        <v>440</v>
      </c>
      <c r="I14" s="304"/>
      <c r="J14" s="304"/>
    </row>
    <row r="15" spans="1:15" ht="39.950000000000003" customHeight="1" thickBot="1">
      <c r="B15" s="289" t="s">
        <v>90</v>
      </c>
      <c r="C15" s="305" t="s">
        <v>91</v>
      </c>
      <c r="D15" s="212" t="s">
        <v>92</v>
      </c>
      <c r="E15" s="212" t="s">
        <v>93</v>
      </c>
      <c r="F15" s="212" t="s">
        <v>94</v>
      </c>
      <c r="G15" s="266" t="s">
        <v>44</v>
      </c>
      <c r="H15" s="289" t="s">
        <v>18</v>
      </c>
      <c r="I15" s="304"/>
      <c r="J15" s="304"/>
    </row>
    <row r="16" spans="1:15" ht="39.950000000000003" customHeight="1" thickTop="1">
      <c r="B16" s="306" t="s">
        <v>272</v>
      </c>
      <c r="C16" s="307">
        <v>661</v>
      </c>
      <c r="D16" s="247">
        <v>309</v>
      </c>
      <c r="E16" s="247">
        <v>59</v>
      </c>
      <c r="F16" s="247">
        <v>350</v>
      </c>
      <c r="G16" s="308">
        <v>58</v>
      </c>
      <c r="H16" s="293">
        <v>1437</v>
      </c>
      <c r="I16" s="304"/>
      <c r="J16" s="304"/>
    </row>
    <row r="17" spans="2:10" ht="39.950000000000003" customHeight="1" thickBot="1">
      <c r="B17" s="275" t="s">
        <v>273</v>
      </c>
      <c r="C17" s="309">
        <v>353</v>
      </c>
      <c r="D17" s="310">
        <v>187</v>
      </c>
      <c r="E17" s="310">
        <v>51</v>
      </c>
      <c r="F17" s="310">
        <v>377</v>
      </c>
      <c r="G17" s="280">
        <v>46</v>
      </c>
      <c r="H17" s="311">
        <v>1014</v>
      </c>
      <c r="I17" s="304"/>
      <c r="J17" s="304"/>
    </row>
    <row r="18" spans="2:10" ht="39.950000000000003" customHeight="1" thickTop="1" thickBot="1">
      <c r="B18" s="283" t="s">
        <v>274</v>
      </c>
      <c r="C18" s="312">
        <v>1014</v>
      </c>
      <c r="D18" s="249">
        <v>496</v>
      </c>
      <c r="E18" s="249">
        <v>110</v>
      </c>
      <c r="F18" s="249">
        <v>727</v>
      </c>
      <c r="G18" s="313">
        <v>104</v>
      </c>
      <c r="H18" s="314">
        <v>2451</v>
      </c>
      <c r="J18" s="304"/>
    </row>
    <row r="19" spans="2:10" ht="23.25" customHeight="1"/>
    <row r="20" spans="2:10" ht="39.950000000000003" customHeight="1" thickBot="1">
      <c r="B20" s="315" t="s">
        <v>539</v>
      </c>
      <c r="C20" s="316"/>
      <c r="D20" s="317"/>
      <c r="E20" s="316"/>
      <c r="H20" s="316"/>
      <c r="I20" s="316"/>
    </row>
    <row r="21" spans="2:10" ht="39.950000000000003" customHeight="1" thickBot="1">
      <c r="B21" s="610" t="s">
        <v>275</v>
      </c>
      <c r="C21" s="611"/>
      <c r="D21" s="318" t="s">
        <v>325</v>
      </c>
      <c r="E21" s="319" t="s">
        <v>273</v>
      </c>
    </row>
    <row r="22" spans="2:10" ht="39.950000000000003" customHeight="1">
      <c r="B22" s="320" t="s">
        <v>452</v>
      </c>
      <c r="C22" s="321"/>
      <c r="D22" s="322">
        <v>18</v>
      </c>
      <c r="E22" s="323">
        <v>2</v>
      </c>
    </row>
    <row r="23" spans="2:10" ht="39.950000000000003" customHeight="1">
      <c r="B23" s="324" t="s">
        <v>453</v>
      </c>
      <c r="C23" s="325"/>
      <c r="D23" s="326">
        <v>4</v>
      </c>
      <c r="E23" s="327">
        <v>5</v>
      </c>
    </row>
    <row r="24" spans="2:10" ht="39.950000000000003" customHeight="1">
      <c r="B24" s="324" t="s">
        <v>449</v>
      </c>
      <c r="C24" s="325"/>
      <c r="D24" s="326">
        <v>2</v>
      </c>
      <c r="E24" s="327">
        <v>1</v>
      </c>
    </row>
    <row r="25" spans="2:10" ht="39.950000000000003" customHeight="1">
      <c r="B25" s="324" t="s">
        <v>450</v>
      </c>
      <c r="C25" s="325"/>
      <c r="D25" s="326">
        <v>5</v>
      </c>
      <c r="E25" s="327">
        <v>3</v>
      </c>
    </row>
    <row r="26" spans="2:10" ht="39.950000000000003" customHeight="1">
      <c r="B26" s="324" t="s">
        <v>255</v>
      </c>
      <c r="C26" s="325"/>
      <c r="D26" s="326">
        <v>1</v>
      </c>
      <c r="E26" s="327">
        <v>0</v>
      </c>
    </row>
    <row r="27" spans="2:10" ht="39.950000000000003" customHeight="1">
      <c r="B27" s="324" t="s">
        <v>256</v>
      </c>
      <c r="C27" s="325"/>
      <c r="D27" s="326">
        <v>1</v>
      </c>
      <c r="E27" s="327">
        <v>0</v>
      </c>
    </row>
    <row r="28" spans="2:10" ht="39.950000000000003" customHeight="1">
      <c r="B28" s="328" t="s">
        <v>451</v>
      </c>
      <c r="C28" s="329"/>
      <c r="D28" s="330">
        <v>1</v>
      </c>
      <c r="E28" s="327">
        <v>0</v>
      </c>
    </row>
    <row r="29" spans="2:10" ht="39.950000000000003" customHeight="1">
      <c r="B29" s="328" t="s">
        <v>415</v>
      </c>
      <c r="C29" s="329"/>
      <c r="D29" s="322">
        <v>1</v>
      </c>
      <c r="E29" s="327">
        <v>0</v>
      </c>
    </row>
    <row r="30" spans="2:10" ht="39.950000000000003" customHeight="1">
      <c r="B30" s="328" t="s">
        <v>454</v>
      </c>
      <c r="C30" s="329"/>
      <c r="D30" s="322">
        <v>0</v>
      </c>
      <c r="E30" s="327">
        <v>3</v>
      </c>
    </row>
    <row r="31" spans="2:10" ht="39.950000000000003" customHeight="1">
      <c r="B31" s="328" t="s">
        <v>459</v>
      </c>
      <c r="C31" s="329"/>
      <c r="D31" s="322">
        <v>0</v>
      </c>
      <c r="E31" s="327">
        <v>1</v>
      </c>
    </row>
    <row r="32" spans="2:10" ht="39.950000000000003" customHeight="1">
      <c r="B32" s="331" t="s">
        <v>455</v>
      </c>
      <c r="C32" s="332"/>
      <c r="D32" s="322">
        <v>0</v>
      </c>
      <c r="E32" s="327">
        <v>1</v>
      </c>
    </row>
    <row r="33" spans="2:8" ht="39.950000000000003" customHeight="1">
      <c r="B33" s="333" t="s">
        <v>507</v>
      </c>
      <c r="C33" s="334"/>
      <c r="D33" s="335">
        <v>0</v>
      </c>
      <c r="E33" s="327">
        <v>1</v>
      </c>
    </row>
    <row r="34" spans="2:8" ht="39.950000000000003" customHeight="1" thickBot="1">
      <c r="B34" s="333" t="s">
        <v>43</v>
      </c>
      <c r="C34" s="334"/>
      <c r="D34" s="336">
        <v>25</v>
      </c>
      <c r="E34" s="337">
        <v>29</v>
      </c>
    </row>
    <row r="35" spans="2:8" ht="39.950000000000003" customHeight="1" thickBot="1">
      <c r="B35" s="338" t="s">
        <v>18</v>
      </c>
      <c r="C35" s="339"/>
      <c r="D35" s="340">
        <v>58</v>
      </c>
      <c r="E35" s="341">
        <v>46</v>
      </c>
    </row>
    <row r="36" spans="2:8" ht="45" customHeight="1">
      <c r="B36" s="316"/>
      <c r="C36" s="316"/>
      <c r="D36" s="316"/>
      <c r="E36" s="316"/>
      <c r="F36" s="317"/>
      <c r="G36" s="317"/>
      <c r="H36" s="316"/>
    </row>
  </sheetData>
  <mergeCells count="5">
    <mergeCell ref="J3:L3"/>
    <mergeCell ref="M3:O3"/>
    <mergeCell ref="B21:C21"/>
    <mergeCell ref="C3:E3"/>
    <mergeCell ref="G3:I3"/>
  </mergeCells>
  <phoneticPr fontId="1"/>
  <pageMargins left="1.0236220472440944" right="0.23622047244094491" top="0.55118110236220474" bottom="0.55118110236220474" header="0.31496062992125984" footer="0.31496062992125984"/>
  <pageSetup paperSize="9" scale="40" orientation="landscape" r:id="rId1"/>
  <headerFooter scaleWithDoc="0" alignWithMargins="0">
    <oddFooter>&amp;C&amp;P</oddFooter>
  </headerFooter>
  <rowBreaks count="1" manualBreakCount="1">
    <brk id="35" max="14"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N6"/>
  <sheetViews>
    <sheetView view="pageBreakPreview" zoomScale="50" zoomScaleNormal="50" zoomScaleSheetLayoutView="50" workbookViewId="0"/>
  </sheetViews>
  <sheetFormatPr defaultColWidth="9" defaultRowHeight="45" customHeight="1"/>
  <cols>
    <col min="1" max="1" width="5.125" style="316" customWidth="1"/>
    <col min="2" max="2" width="16" style="316" customWidth="1"/>
    <col min="3" max="3" width="23.75" style="316" customWidth="1"/>
    <col min="4" max="4" width="20.5" style="316" customWidth="1"/>
    <col min="5" max="12" width="18.625" style="316" customWidth="1"/>
    <col min="13" max="13" width="19.375" style="316" customWidth="1"/>
    <col min="14" max="14" width="18.625" style="316" customWidth="1"/>
    <col min="15" max="16384" width="9" style="316"/>
  </cols>
  <sheetData>
    <row r="1" spans="1:14" ht="45" customHeight="1" thickBot="1">
      <c r="A1" s="400" t="s">
        <v>540</v>
      </c>
      <c r="B1" s="490"/>
      <c r="C1" s="491"/>
      <c r="D1" s="492"/>
      <c r="E1" s="492"/>
    </row>
    <row r="2" spans="1:14" ht="42.75" thickBot="1">
      <c r="B2" s="617"/>
      <c r="C2" s="618"/>
      <c r="D2" s="493" t="s">
        <v>575</v>
      </c>
      <c r="E2" s="494" t="s">
        <v>572</v>
      </c>
      <c r="F2" s="494" t="s">
        <v>574</v>
      </c>
      <c r="G2" s="494" t="s">
        <v>492</v>
      </c>
      <c r="H2" s="494" t="s">
        <v>37</v>
      </c>
      <c r="I2" s="494" t="s">
        <v>39</v>
      </c>
      <c r="J2" s="495" t="s">
        <v>36</v>
      </c>
      <c r="K2" s="494" t="s">
        <v>40</v>
      </c>
      <c r="L2" s="494" t="s">
        <v>38</v>
      </c>
      <c r="M2" s="496" t="s">
        <v>573</v>
      </c>
      <c r="N2" s="497" t="s">
        <v>18</v>
      </c>
    </row>
    <row r="3" spans="1:14" ht="45" customHeight="1" thickTop="1">
      <c r="B3" s="615" t="s">
        <v>571</v>
      </c>
      <c r="C3" s="498" t="s">
        <v>55</v>
      </c>
      <c r="D3" s="410">
        <v>166</v>
      </c>
      <c r="E3" s="481">
        <v>98</v>
      </c>
      <c r="F3" s="481">
        <v>81</v>
      </c>
      <c r="G3" s="481">
        <v>54</v>
      </c>
      <c r="H3" s="481">
        <v>52</v>
      </c>
      <c r="I3" s="481">
        <v>30</v>
      </c>
      <c r="J3" s="499">
        <v>21</v>
      </c>
      <c r="K3" s="481">
        <v>19</v>
      </c>
      <c r="L3" s="481">
        <v>8</v>
      </c>
      <c r="M3" s="500">
        <v>232</v>
      </c>
      <c r="N3" s="501">
        <v>761</v>
      </c>
    </row>
    <row r="4" spans="1:14" ht="45" customHeight="1" thickBot="1">
      <c r="B4" s="616"/>
      <c r="C4" s="502" t="s">
        <v>348</v>
      </c>
      <c r="D4" s="342">
        <v>21.813403416557161</v>
      </c>
      <c r="E4" s="343">
        <v>12.87779237844941</v>
      </c>
      <c r="F4" s="343">
        <v>10.64388961892247</v>
      </c>
      <c r="G4" s="343">
        <v>7.0959264126149808</v>
      </c>
      <c r="H4" s="343">
        <v>6.8331143232588696</v>
      </c>
      <c r="I4" s="343">
        <v>3.9421813403416559</v>
      </c>
      <c r="J4" s="343">
        <v>2.759526938239159</v>
      </c>
      <c r="K4" s="343">
        <v>2.4967148488830486</v>
      </c>
      <c r="L4" s="343">
        <v>1.0512483574244416</v>
      </c>
      <c r="M4" s="448">
        <v>30.486202365308806</v>
      </c>
      <c r="N4" s="344">
        <v>100</v>
      </c>
    </row>
    <row r="5" spans="1:14" ht="45" customHeight="1">
      <c r="B5" s="615" t="s">
        <v>448</v>
      </c>
      <c r="C5" s="498" t="s">
        <v>55</v>
      </c>
      <c r="D5" s="256">
        <v>156</v>
      </c>
      <c r="E5" s="255">
        <v>84</v>
      </c>
      <c r="F5" s="255">
        <v>77</v>
      </c>
      <c r="G5" s="255">
        <v>25</v>
      </c>
      <c r="H5" s="255">
        <v>40</v>
      </c>
      <c r="I5" s="255">
        <v>15</v>
      </c>
      <c r="J5" s="255">
        <v>13</v>
      </c>
      <c r="K5" s="255">
        <v>7</v>
      </c>
      <c r="L5" s="255">
        <v>6</v>
      </c>
      <c r="M5" s="390">
        <v>150</v>
      </c>
      <c r="N5" s="503">
        <v>573</v>
      </c>
    </row>
    <row r="6" spans="1:14" ht="45" customHeight="1" thickBot="1">
      <c r="B6" s="616"/>
      <c r="C6" s="502" t="s">
        <v>348</v>
      </c>
      <c r="D6" s="342">
        <v>27.225130890052355</v>
      </c>
      <c r="E6" s="343">
        <v>14.659685863874344</v>
      </c>
      <c r="F6" s="343">
        <v>13.438045375218149</v>
      </c>
      <c r="G6" s="343">
        <v>4.3630017452006982</v>
      </c>
      <c r="H6" s="343">
        <v>6.9808027923211169</v>
      </c>
      <c r="I6" s="343">
        <v>2.6178010471204187</v>
      </c>
      <c r="J6" s="343">
        <v>2.2687609075043627</v>
      </c>
      <c r="K6" s="343">
        <v>1.2216404886561953</v>
      </c>
      <c r="L6" s="343">
        <v>1.0471204188481675</v>
      </c>
      <c r="M6" s="345">
        <v>26.178010471204189</v>
      </c>
      <c r="N6" s="344">
        <v>100</v>
      </c>
    </row>
  </sheetData>
  <mergeCells count="3">
    <mergeCell ref="B5:B6"/>
    <mergeCell ref="B2:C2"/>
    <mergeCell ref="B3:B4"/>
  </mergeCells>
  <phoneticPr fontId="1"/>
  <printOptions horizontalCentered="1"/>
  <pageMargins left="0.23622047244094491" right="0.23622047244094491" top="0.94488188976377963" bottom="0.70866141732283472" header="0.31496062992125984" footer="0.31496062992125984"/>
  <pageSetup paperSize="9" scale="50" orientation="landscape" r:id="rId1"/>
  <headerFooter scaleWithDoc="0" alignWithMargins="0">
    <oddFooter>&amp;C&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Z44"/>
  <sheetViews>
    <sheetView view="pageBreakPreview" zoomScale="50" zoomScaleNormal="60" zoomScaleSheetLayoutView="50" workbookViewId="0">
      <selection activeCell="C8" sqref="C8"/>
    </sheetView>
  </sheetViews>
  <sheetFormatPr defaultRowHeight="45" customHeight="1"/>
  <cols>
    <col min="1" max="1" width="5.25" style="158" customWidth="1"/>
    <col min="2" max="2" width="6.25" style="346" bestFit="1" customWidth="1"/>
    <col min="3" max="3" width="30.75" style="346" customWidth="1"/>
    <col min="4" max="4" width="13.625" style="158" customWidth="1"/>
    <col min="5" max="5" width="13.625" style="347" customWidth="1"/>
    <col min="6" max="6" width="13.625" style="158" customWidth="1"/>
    <col min="7" max="7" width="13.625" style="348" customWidth="1"/>
    <col min="8" max="8" width="13.625" style="158" customWidth="1"/>
    <col min="9" max="9" width="13.625" style="348" customWidth="1"/>
    <col min="10" max="10" width="13.625" style="158" customWidth="1"/>
    <col min="11" max="11" width="13.625" style="348" customWidth="1"/>
    <col min="12" max="12" width="13.625" style="158" customWidth="1"/>
    <col min="13" max="13" width="13.625" style="348" customWidth="1"/>
    <col min="14" max="14" width="13.625" style="158" customWidth="1"/>
    <col min="15" max="15" width="13.625" style="348" customWidth="1"/>
    <col min="16" max="16" width="8.625" style="348" customWidth="1"/>
    <col min="17" max="17" width="8.625" style="158" customWidth="1"/>
    <col min="18" max="18" width="8.625" style="348" customWidth="1"/>
    <col min="19" max="19" width="8.625" style="158" customWidth="1"/>
    <col min="20" max="20" width="8.625" style="348" customWidth="1"/>
    <col min="21" max="21" width="8.625" style="158" customWidth="1"/>
    <col min="22" max="22" width="8.625" style="348" customWidth="1"/>
    <col min="23" max="23" width="8.625" style="158" customWidth="1"/>
    <col min="24" max="24" width="8.625" style="348" customWidth="1"/>
    <col min="25" max="25" width="8.625" style="158" customWidth="1"/>
    <col min="26" max="26" width="8.625" style="348" customWidth="1"/>
    <col min="27" max="16384" width="9" style="158"/>
  </cols>
  <sheetData>
    <row r="1" spans="1:26" ht="45" customHeight="1" thickBot="1">
      <c r="A1" s="195" t="s">
        <v>541</v>
      </c>
    </row>
    <row r="2" spans="1:26" s="349" customFormat="1" ht="45" customHeight="1" thickBot="1">
      <c r="B2" s="638" t="s">
        <v>27</v>
      </c>
      <c r="C2" s="639"/>
      <c r="D2" s="638" t="s">
        <v>412</v>
      </c>
      <c r="E2" s="636"/>
      <c r="F2" s="636" t="s">
        <v>411</v>
      </c>
      <c r="G2" s="636"/>
      <c r="H2" s="636" t="s">
        <v>410</v>
      </c>
      <c r="I2" s="636"/>
      <c r="J2" s="636" t="s">
        <v>413</v>
      </c>
      <c r="K2" s="636"/>
      <c r="L2" s="636" t="s">
        <v>414</v>
      </c>
      <c r="M2" s="636"/>
      <c r="N2" s="636" t="s">
        <v>30</v>
      </c>
      <c r="O2" s="639"/>
    </row>
    <row r="3" spans="1:26" ht="45" customHeight="1" thickTop="1">
      <c r="B3" s="640" t="s">
        <v>1</v>
      </c>
      <c r="C3" s="641"/>
      <c r="D3" s="644">
        <v>137</v>
      </c>
      <c r="E3" s="642"/>
      <c r="F3" s="642">
        <v>88</v>
      </c>
      <c r="G3" s="642"/>
      <c r="H3" s="642">
        <v>101</v>
      </c>
      <c r="I3" s="642"/>
      <c r="J3" s="642">
        <v>35</v>
      </c>
      <c r="K3" s="642"/>
      <c r="L3" s="642">
        <v>54</v>
      </c>
      <c r="M3" s="642"/>
      <c r="N3" s="642">
        <v>59</v>
      </c>
      <c r="O3" s="645"/>
      <c r="P3" s="158"/>
      <c r="R3" s="158"/>
      <c r="T3" s="158"/>
      <c r="V3" s="158"/>
      <c r="X3" s="158"/>
      <c r="Z3" s="158"/>
    </row>
    <row r="4" spans="1:26" ht="45" customHeight="1">
      <c r="B4" s="634" t="s">
        <v>490</v>
      </c>
      <c r="C4" s="635"/>
      <c r="D4" s="628">
        <v>94</v>
      </c>
      <c r="E4" s="626"/>
      <c r="F4" s="626">
        <v>69</v>
      </c>
      <c r="G4" s="626"/>
      <c r="H4" s="626">
        <v>85</v>
      </c>
      <c r="I4" s="626"/>
      <c r="J4" s="626">
        <v>31</v>
      </c>
      <c r="K4" s="626"/>
      <c r="L4" s="626">
        <v>38</v>
      </c>
      <c r="M4" s="626"/>
      <c r="N4" s="626">
        <v>41</v>
      </c>
      <c r="O4" s="629"/>
      <c r="P4" s="158"/>
      <c r="R4" s="158"/>
      <c r="T4" s="158"/>
      <c r="V4" s="158"/>
      <c r="X4" s="158"/>
      <c r="Z4" s="158"/>
    </row>
    <row r="5" spans="1:26" ht="45" customHeight="1" thickBot="1">
      <c r="B5" s="646" t="s">
        <v>508</v>
      </c>
      <c r="C5" s="647"/>
      <c r="D5" s="648">
        <v>68.599999999999994</v>
      </c>
      <c r="E5" s="624"/>
      <c r="F5" s="624">
        <v>78.400000000000006</v>
      </c>
      <c r="G5" s="624"/>
      <c r="H5" s="624">
        <v>84.2</v>
      </c>
      <c r="I5" s="624"/>
      <c r="J5" s="624">
        <v>88.6</v>
      </c>
      <c r="K5" s="624"/>
      <c r="L5" s="624">
        <v>70.400000000000006</v>
      </c>
      <c r="M5" s="624"/>
      <c r="N5" s="624">
        <v>69.5</v>
      </c>
      <c r="O5" s="649"/>
      <c r="P5" s="158"/>
      <c r="R5" s="158"/>
      <c r="T5" s="158"/>
      <c r="V5" s="158"/>
      <c r="X5" s="158"/>
      <c r="Z5" s="158"/>
    </row>
    <row r="6" spans="1:26" s="350" customFormat="1" ht="45" customHeight="1" thickBot="1">
      <c r="B6" s="351"/>
      <c r="C6" s="352"/>
      <c r="D6" s="353" t="s">
        <v>1</v>
      </c>
      <c r="E6" s="354" t="s">
        <v>542</v>
      </c>
      <c r="F6" s="355" t="s">
        <v>1</v>
      </c>
      <c r="G6" s="356" t="s">
        <v>543</v>
      </c>
      <c r="H6" s="355" t="s">
        <v>1</v>
      </c>
      <c r="I6" s="356" t="s">
        <v>544</v>
      </c>
      <c r="J6" s="355" t="s">
        <v>1</v>
      </c>
      <c r="K6" s="356" t="s">
        <v>543</v>
      </c>
      <c r="L6" s="355" t="s">
        <v>1</v>
      </c>
      <c r="M6" s="356" t="s">
        <v>545</v>
      </c>
      <c r="N6" s="355" t="s">
        <v>1</v>
      </c>
      <c r="O6" s="357" t="s">
        <v>543</v>
      </c>
    </row>
    <row r="7" spans="1:26" ht="45" customHeight="1" thickTop="1">
      <c r="B7" s="619" t="s">
        <v>58</v>
      </c>
      <c r="C7" s="358" t="s">
        <v>416</v>
      </c>
      <c r="D7" s="254">
        <v>4</v>
      </c>
      <c r="E7" s="359">
        <v>4.2553191489361701</v>
      </c>
      <c r="F7" s="184">
        <v>2</v>
      </c>
      <c r="G7" s="205">
        <v>2.8985507246376812</v>
      </c>
      <c r="H7" s="184">
        <v>1</v>
      </c>
      <c r="I7" s="205">
        <v>1.1764705882352942</v>
      </c>
      <c r="J7" s="184">
        <v>1</v>
      </c>
      <c r="K7" s="205">
        <v>3.225806451612903</v>
      </c>
      <c r="L7" s="184">
        <v>0</v>
      </c>
      <c r="M7" s="205">
        <v>0</v>
      </c>
      <c r="N7" s="184">
        <v>1</v>
      </c>
      <c r="O7" s="206">
        <v>2.4390243902439024</v>
      </c>
      <c r="P7" s="158"/>
      <c r="R7" s="158"/>
      <c r="T7" s="158"/>
      <c r="V7" s="158"/>
      <c r="X7" s="158"/>
      <c r="Z7" s="158"/>
    </row>
    <row r="8" spans="1:26" ht="45" customHeight="1">
      <c r="B8" s="620"/>
      <c r="C8" s="360" t="s">
        <v>510</v>
      </c>
      <c r="D8" s="178">
        <v>16</v>
      </c>
      <c r="E8" s="361">
        <v>17.021276595744681</v>
      </c>
      <c r="F8" s="170">
        <v>8</v>
      </c>
      <c r="G8" s="208">
        <v>11.594202898550725</v>
      </c>
      <c r="H8" s="170">
        <v>11</v>
      </c>
      <c r="I8" s="208">
        <v>12.941176470588237</v>
      </c>
      <c r="J8" s="170">
        <v>7</v>
      </c>
      <c r="K8" s="208">
        <v>22.58064516129032</v>
      </c>
      <c r="L8" s="170">
        <v>9</v>
      </c>
      <c r="M8" s="208">
        <v>23.684210526315788</v>
      </c>
      <c r="N8" s="170">
        <v>8</v>
      </c>
      <c r="O8" s="179">
        <v>19.512195121951219</v>
      </c>
      <c r="P8" s="158"/>
      <c r="R8" s="158"/>
      <c r="T8" s="158"/>
      <c r="V8" s="158"/>
      <c r="X8" s="158"/>
      <c r="Z8" s="158"/>
    </row>
    <row r="9" spans="1:26" ht="45" customHeight="1">
      <c r="B9" s="620"/>
      <c r="C9" s="360" t="s">
        <v>417</v>
      </c>
      <c r="D9" s="178">
        <v>11</v>
      </c>
      <c r="E9" s="361">
        <v>11.702127659574469</v>
      </c>
      <c r="F9" s="170">
        <v>10</v>
      </c>
      <c r="G9" s="208">
        <v>14.492753623188406</v>
      </c>
      <c r="H9" s="170">
        <v>12</v>
      </c>
      <c r="I9" s="208">
        <v>14.117647058823529</v>
      </c>
      <c r="J9" s="170">
        <v>4</v>
      </c>
      <c r="K9" s="208">
        <v>12.903225806451612</v>
      </c>
      <c r="L9" s="170">
        <v>6</v>
      </c>
      <c r="M9" s="208">
        <v>15.789473684210526</v>
      </c>
      <c r="N9" s="170">
        <v>6</v>
      </c>
      <c r="O9" s="179">
        <v>14.634146341463413</v>
      </c>
      <c r="P9" s="158"/>
      <c r="R9" s="158"/>
      <c r="T9" s="158"/>
      <c r="V9" s="158"/>
      <c r="X9" s="158"/>
      <c r="Z9" s="158"/>
    </row>
    <row r="10" spans="1:26" ht="45" customHeight="1">
      <c r="B10" s="620"/>
      <c r="C10" s="360" t="s">
        <v>418</v>
      </c>
      <c r="D10" s="178">
        <v>26</v>
      </c>
      <c r="E10" s="361">
        <v>27.659574468085108</v>
      </c>
      <c r="F10" s="170">
        <v>20</v>
      </c>
      <c r="G10" s="208">
        <v>28.985507246376812</v>
      </c>
      <c r="H10" s="362">
        <v>29</v>
      </c>
      <c r="I10" s="208">
        <v>34.117647058823529</v>
      </c>
      <c r="J10" s="170">
        <v>8</v>
      </c>
      <c r="K10" s="208">
        <v>25.806451612903224</v>
      </c>
      <c r="L10" s="170">
        <v>11</v>
      </c>
      <c r="M10" s="208">
        <v>28.947368421052634</v>
      </c>
      <c r="N10" s="170">
        <v>15</v>
      </c>
      <c r="O10" s="179">
        <v>36.585365853658537</v>
      </c>
      <c r="P10" s="158"/>
      <c r="R10" s="158"/>
      <c r="T10" s="158"/>
      <c r="V10" s="158"/>
      <c r="X10" s="158"/>
      <c r="Z10" s="158"/>
    </row>
    <row r="11" spans="1:26" ht="45" customHeight="1" thickBot="1">
      <c r="B11" s="632"/>
      <c r="C11" s="363" t="s">
        <v>420</v>
      </c>
      <c r="D11" s="276">
        <v>37</v>
      </c>
      <c r="E11" s="364">
        <v>39.361702127659576</v>
      </c>
      <c r="F11" s="241">
        <v>29</v>
      </c>
      <c r="G11" s="365">
        <v>42.028985507246375</v>
      </c>
      <c r="H11" s="241">
        <v>32</v>
      </c>
      <c r="I11" s="365">
        <v>37.647058823529413</v>
      </c>
      <c r="J11" s="241">
        <v>11</v>
      </c>
      <c r="K11" s="365">
        <v>35.483870967741936</v>
      </c>
      <c r="L11" s="241">
        <v>12</v>
      </c>
      <c r="M11" s="365">
        <v>31.578947368421051</v>
      </c>
      <c r="N11" s="241">
        <v>11</v>
      </c>
      <c r="O11" s="366">
        <v>26.829268292682929</v>
      </c>
      <c r="P11" s="158"/>
      <c r="R11" s="158"/>
      <c r="T11" s="158"/>
      <c r="V11" s="158"/>
      <c r="X11" s="158"/>
      <c r="Z11" s="158"/>
    </row>
    <row r="12" spans="1:26" ht="45" customHeight="1" thickTop="1">
      <c r="B12" s="619" t="s">
        <v>512</v>
      </c>
      <c r="C12" s="358" t="s">
        <v>8</v>
      </c>
      <c r="D12" s="254">
        <v>30</v>
      </c>
      <c r="E12" s="367">
        <v>31.914893617021278</v>
      </c>
      <c r="F12" s="184">
        <v>15</v>
      </c>
      <c r="G12" s="205">
        <v>21.739130434782609</v>
      </c>
      <c r="H12" s="184">
        <v>17</v>
      </c>
      <c r="I12" s="205">
        <v>20</v>
      </c>
      <c r="J12" s="184">
        <v>10</v>
      </c>
      <c r="K12" s="205">
        <v>32.258064516129032</v>
      </c>
      <c r="L12" s="184">
        <v>13</v>
      </c>
      <c r="M12" s="205">
        <v>34.210526315789473</v>
      </c>
      <c r="N12" s="184">
        <v>11</v>
      </c>
      <c r="O12" s="206">
        <v>26.829268292682929</v>
      </c>
      <c r="P12" s="158"/>
      <c r="R12" s="158"/>
      <c r="T12" s="158"/>
      <c r="V12" s="158"/>
      <c r="X12" s="158"/>
      <c r="Z12" s="158"/>
    </row>
    <row r="13" spans="1:26" ht="45" customHeight="1">
      <c r="B13" s="620"/>
      <c r="C13" s="360" t="s">
        <v>9</v>
      </c>
      <c r="D13" s="178">
        <v>50</v>
      </c>
      <c r="E13" s="361">
        <v>53.191489361702125</v>
      </c>
      <c r="F13" s="170">
        <v>35</v>
      </c>
      <c r="G13" s="208">
        <v>50.724637681159422</v>
      </c>
      <c r="H13" s="170">
        <v>44</v>
      </c>
      <c r="I13" s="208">
        <v>51.764705882352949</v>
      </c>
      <c r="J13" s="170">
        <v>11</v>
      </c>
      <c r="K13" s="208">
        <v>35.483870967741936</v>
      </c>
      <c r="L13" s="170">
        <v>18</v>
      </c>
      <c r="M13" s="208">
        <v>47.368421052631575</v>
      </c>
      <c r="N13" s="170">
        <v>23</v>
      </c>
      <c r="O13" s="179">
        <v>56.09756097560976</v>
      </c>
      <c r="P13" s="158"/>
      <c r="R13" s="158"/>
      <c r="T13" s="158"/>
      <c r="V13" s="158"/>
      <c r="X13" s="158"/>
      <c r="Z13" s="158"/>
    </row>
    <row r="14" spans="1:26" ht="45" customHeight="1">
      <c r="B14" s="620"/>
      <c r="C14" s="360" t="s">
        <v>10</v>
      </c>
      <c r="D14" s="178">
        <v>8</v>
      </c>
      <c r="E14" s="361">
        <v>8.5106382978723403</v>
      </c>
      <c r="F14" s="170">
        <v>13</v>
      </c>
      <c r="G14" s="208">
        <v>18.840579710144929</v>
      </c>
      <c r="H14" s="170">
        <v>18</v>
      </c>
      <c r="I14" s="208">
        <v>21.176470588235293</v>
      </c>
      <c r="J14" s="170">
        <v>8</v>
      </c>
      <c r="K14" s="208">
        <v>25.806451612903224</v>
      </c>
      <c r="L14" s="170">
        <v>4</v>
      </c>
      <c r="M14" s="208">
        <v>10.526315789473683</v>
      </c>
      <c r="N14" s="170">
        <v>6</v>
      </c>
      <c r="O14" s="179">
        <v>14.634146341463413</v>
      </c>
      <c r="P14" s="158"/>
      <c r="R14" s="158"/>
      <c r="T14" s="158"/>
      <c r="V14" s="158"/>
      <c r="X14" s="158"/>
      <c r="Z14" s="158"/>
    </row>
    <row r="15" spans="1:26" ht="45" customHeight="1">
      <c r="B15" s="620"/>
      <c r="C15" s="360" t="s">
        <v>11</v>
      </c>
      <c r="D15" s="178">
        <v>3</v>
      </c>
      <c r="E15" s="361">
        <v>3.1914893617021276</v>
      </c>
      <c r="F15" s="170">
        <v>5</v>
      </c>
      <c r="G15" s="208">
        <v>7.2463768115942031</v>
      </c>
      <c r="H15" s="170">
        <v>4</v>
      </c>
      <c r="I15" s="208">
        <v>4.7058823529411766</v>
      </c>
      <c r="J15" s="170">
        <v>0</v>
      </c>
      <c r="K15" s="208">
        <v>0</v>
      </c>
      <c r="L15" s="170">
        <v>0</v>
      </c>
      <c r="M15" s="208">
        <v>0</v>
      </c>
      <c r="N15" s="170">
        <v>1</v>
      </c>
      <c r="O15" s="179">
        <v>2.4390243902439024</v>
      </c>
      <c r="P15" s="158"/>
      <c r="R15" s="158"/>
      <c r="T15" s="158"/>
      <c r="V15" s="158"/>
      <c r="X15" s="158"/>
      <c r="Z15" s="158"/>
    </row>
    <row r="16" spans="1:26" ht="45" customHeight="1" thickBot="1">
      <c r="B16" s="632"/>
      <c r="C16" s="363" t="s">
        <v>12</v>
      </c>
      <c r="D16" s="276">
        <v>3</v>
      </c>
      <c r="E16" s="364">
        <v>3.1914893617021276</v>
      </c>
      <c r="F16" s="241">
        <v>1</v>
      </c>
      <c r="G16" s="365">
        <v>1.4492753623188406</v>
      </c>
      <c r="H16" s="241">
        <v>2</v>
      </c>
      <c r="I16" s="365">
        <v>2.3529411764705883</v>
      </c>
      <c r="J16" s="241">
        <v>2</v>
      </c>
      <c r="K16" s="365">
        <v>6.4516129032258061</v>
      </c>
      <c r="L16" s="241">
        <v>3</v>
      </c>
      <c r="M16" s="365">
        <v>7.8947368421052628</v>
      </c>
      <c r="N16" s="241">
        <v>0</v>
      </c>
      <c r="O16" s="366">
        <v>0</v>
      </c>
      <c r="P16" s="158"/>
      <c r="R16" s="158"/>
      <c r="T16" s="158"/>
      <c r="V16" s="158"/>
      <c r="X16" s="158"/>
      <c r="Z16" s="158"/>
    </row>
    <row r="17" spans="2:26" ht="45" customHeight="1" thickTop="1">
      <c r="B17" s="619" t="s">
        <v>509</v>
      </c>
      <c r="C17" s="358" t="s">
        <v>13</v>
      </c>
      <c r="D17" s="254">
        <v>1</v>
      </c>
      <c r="E17" s="367">
        <v>1.0638297872340425</v>
      </c>
      <c r="F17" s="184">
        <v>1</v>
      </c>
      <c r="G17" s="205">
        <v>1.4492753623188406</v>
      </c>
      <c r="H17" s="184">
        <v>1</v>
      </c>
      <c r="I17" s="205">
        <v>1.1764705882352942</v>
      </c>
      <c r="J17" s="184">
        <v>0</v>
      </c>
      <c r="K17" s="205">
        <v>0</v>
      </c>
      <c r="L17" s="184">
        <v>3</v>
      </c>
      <c r="M17" s="205">
        <v>7.8947368421052628</v>
      </c>
      <c r="N17" s="184">
        <v>0</v>
      </c>
      <c r="O17" s="206">
        <v>0</v>
      </c>
      <c r="P17" s="158"/>
      <c r="R17" s="158"/>
      <c r="T17" s="158"/>
      <c r="V17" s="158"/>
      <c r="X17" s="158"/>
      <c r="Z17" s="158"/>
    </row>
    <row r="18" spans="2:26" ht="45" customHeight="1">
      <c r="B18" s="620"/>
      <c r="C18" s="360" t="s">
        <v>14</v>
      </c>
      <c r="D18" s="178">
        <v>15</v>
      </c>
      <c r="E18" s="361">
        <v>15.957446808510639</v>
      </c>
      <c r="F18" s="170">
        <v>0</v>
      </c>
      <c r="G18" s="208">
        <v>0</v>
      </c>
      <c r="H18" s="170">
        <v>9</v>
      </c>
      <c r="I18" s="208">
        <v>10.588235294117647</v>
      </c>
      <c r="J18" s="170">
        <v>6</v>
      </c>
      <c r="K18" s="208">
        <v>19.35483870967742</v>
      </c>
      <c r="L18" s="170">
        <v>5</v>
      </c>
      <c r="M18" s="208">
        <v>13.157894736842104</v>
      </c>
      <c r="N18" s="170">
        <v>3</v>
      </c>
      <c r="O18" s="179">
        <v>7.3170731707317067</v>
      </c>
      <c r="P18" s="158"/>
      <c r="R18" s="158"/>
      <c r="T18" s="158"/>
      <c r="V18" s="158"/>
      <c r="X18" s="158"/>
      <c r="Z18" s="158"/>
    </row>
    <row r="19" spans="2:26" ht="45" customHeight="1">
      <c r="B19" s="620"/>
      <c r="C19" s="360" t="s">
        <v>15</v>
      </c>
      <c r="D19" s="178">
        <v>33</v>
      </c>
      <c r="E19" s="361">
        <v>35.106382978723403</v>
      </c>
      <c r="F19" s="170">
        <v>14</v>
      </c>
      <c r="G19" s="208">
        <v>20.289855072463769</v>
      </c>
      <c r="H19" s="170">
        <v>18</v>
      </c>
      <c r="I19" s="208">
        <v>21.176470588235293</v>
      </c>
      <c r="J19" s="170">
        <v>9</v>
      </c>
      <c r="K19" s="208">
        <v>29.032258064516132</v>
      </c>
      <c r="L19" s="170">
        <v>11</v>
      </c>
      <c r="M19" s="208">
        <v>28.947368421052634</v>
      </c>
      <c r="N19" s="170">
        <v>9</v>
      </c>
      <c r="O19" s="179">
        <v>21.951219512195124</v>
      </c>
      <c r="P19" s="158"/>
      <c r="R19" s="158"/>
      <c r="T19" s="158"/>
      <c r="V19" s="158"/>
      <c r="X19" s="158"/>
      <c r="Z19" s="158"/>
    </row>
    <row r="20" spans="2:26" ht="45" customHeight="1">
      <c r="B20" s="620"/>
      <c r="C20" s="360" t="s">
        <v>9</v>
      </c>
      <c r="D20" s="178">
        <v>20</v>
      </c>
      <c r="E20" s="361">
        <v>21.276595744680851</v>
      </c>
      <c r="F20" s="170">
        <v>35</v>
      </c>
      <c r="G20" s="208">
        <v>50.724637681159422</v>
      </c>
      <c r="H20" s="170">
        <v>20</v>
      </c>
      <c r="I20" s="208">
        <v>23.52941176470588</v>
      </c>
      <c r="J20" s="170">
        <v>9</v>
      </c>
      <c r="K20" s="208">
        <v>29.032258064516132</v>
      </c>
      <c r="L20" s="170">
        <v>5</v>
      </c>
      <c r="M20" s="208">
        <v>13.157894736842104</v>
      </c>
      <c r="N20" s="170">
        <v>14</v>
      </c>
      <c r="O20" s="179">
        <v>34.146341463414636</v>
      </c>
      <c r="P20" s="158"/>
      <c r="R20" s="158"/>
      <c r="T20" s="158"/>
      <c r="V20" s="158"/>
      <c r="X20" s="158"/>
      <c r="Z20" s="158"/>
    </row>
    <row r="21" spans="2:26" ht="45" customHeight="1">
      <c r="B21" s="620"/>
      <c r="C21" s="360" t="s">
        <v>16</v>
      </c>
      <c r="D21" s="178">
        <v>6</v>
      </c>
      <c r="E21" s="361">
        <v>6.3829787234042552</v>
      </c>
      <c r="F21" s="170">
        <v>19</v>
      </c>
      <c r="G21" s="208">
        <v>27.536231884057973</v>
      </c>
      <c r="H21" s="170">
        <v>6</v>
      </c>
      <c r="I21" s="208">
        <v>7.0588235294117645</v>
      </c>
      <c r="J21" s="170">
        <v>2</v>
      </c>
      <c r="K21" s="208">
        <v>6.4516129032258061</v>
      </c>
      <c r="L21" s="170">
        <v>3</v>
      </c>
      <c r="M21" s="208">
        <v>7.8947368421052628</v>
      </c>
      <c r="N21" s="170">
        <v>1</v>
      </c>
      <c r="O21" s="179">
        <v>2.4390243902439024</v>
      </c>
      <c r="P21" s="158"/>
      <c r="R21" s="158"/>
      <c r="T21" s="158"/>
      <c r="V21" s="158"/>
      <c r="X21" s="158"/>
      <c r="Z21" s="158"/>
    </row>
    <row r="22" spans="2:26" ht="45" customHeight="1" thickBot="1">
      <c r="B22" s="621"/>
      <c r="C22" s="368" t="s">
        <v>43</v>
      </c>
      <c r="D22" s="180">
        <v>19</v>
      </c>
      <c r="E22" s="369">
        <v>20.212765957446805</v>
      </c>
      <c r="F22" s="174">
        <v>0</v>
      </c>
      <c r="G22" s="210">
        <v>0</v>
      </c>
      <c r="H22" s="174">
        <v>31</v>
      </c>
      <c r="I22" s="210">
        <v>36.470588235294116</v>
      </c>
      <c r="J22" s="174">
        <v>5</v>
      </c>
      <c r="K22" s="210">
        <v>16.129032258064516</v>
      </c>
      <c r="L22" s="174">
        <v>11</v>
      </c>
      <c r="M22" s="210">
        <v>28.947368421052634</v>
      </c>
      <c r="N22" s="174">
        <v>14</v>
      </c>
      <c r="O22" s="181">
        <v>34.146341463414636</v>
      </c>
      <c r="P22" s="158"/>
      <c r="R22" s="158"/>
      <c r="T22" s="158"/>
      <c r="V22" s="158"/>
      <c r="X22" s="158"/>
      <c r="Z22" s="158"/>
    </row>
    <row r="23" spans="2:26" ht="45" customHeight="1" thickBot="1"/>
    <row r="24" spans="2:26" s="349" customFormat="1" ht="45" customHeight="1" thickBot="1">
      <c r="B24" s="638" t="s">
        <v>27</v>
      </c>
      <c r="C24" s="639"/>
      <c r="D24" s="636" t="s">
        <v>491</v>
      </c>
      <c r="E24" s="636"/>
      <c r="F24" s="636" t="s">
        <v>32</v>
      </c>
      <c r="G24" s="636"/>
      <c r="H24" s="636" t="s">
        <v>33</v>
      </c>
      <c r="I24" s="636"/>
      <c r="J24" s="636" t="s">
        <v>34</v>
      </c>
      <c r="K24" s="636"/>
      <c r="L24" s="636" t="s">
        <v>35</v>
      </c>
      <c r="M24" s="637"/>
      <c r="N24" s="638" t="s">
        <v>18</v>
      </c>
      <c r="O24" s="639"/>
    </row>
    <row r="25" spans="2:26" ht="45" customHeight="1" thickTop="1">
      <c r="B25" s="640" t="s">
        <v>1</v>
      </c>
      <c r="C25" s="641"/>
      <c r="D25" s="642">
        <v>57</v>
      </c>
      <c r="E25" s="642"/>
      <c r="F25" s="642">
        <v>55</v>
      </c>
      <c r="G25" s="642"/>
      <c r="H25" s="642">
        <v>50</v>
      </c>
      <c r="I25" s="642"/>
      <c r="J25" s="642">
        <v>68</v>
      </c>
      <c r="K25" s="642"/>
      <c r="L25" s="642">
        <v>34</v>
      </c>
      <c r="M25" s="643"/>
      <c r="N25" s="644">
        <v>738</v>
      </c>
      <c r="O25" s="645"/>
      <c r="P25" s="158"/>
      <c r="R25" s="158"/>
      <c r="T25" s="158"/>
      <c r="V25" s="158"/>
      <c r="X25" s="158"/>
      <c r="Z25" s="158"/>
    </row>
    <row r="26" spans="2:26" ht="45" customHeight="1">
      <c r="B26" s="634" t="s">
        <v>490</v>
      </c>
      <c r="C26" s="635"/>
      <c r="D26" s="626">
        <v>46</v>
      </c>
      <c r="E26" s="626"/>
      <c r="F26" s="626">
        <v>44</v>
      </c>
      <c r="G26" s="626"/>
      <c r="H26" s="626">
        <v>38</v>
      </c>
      <c r="I26" s="626"/>
      <c r="J26" s="626">
        <v>51</v>
      </c>
      <c r="K26" s="626"/>
      <c r="L26" s="626">
        <v>29</v>
      </c>
      <c r="M26" s="627"/>
      <c r="N26" s="628">
        <v>566</v>
      </c>
      <c r="O26" s="629"/>
      <c r="P26" s="158"/>
      <c r="R26" s="158"/>
      <c r="T26" s="158"/>
      <c r="V26" s="158"/>
      <c r="X26" s="158"/>
      <c r="Z26" s="158"/>
    </row>
    <row r="27" spans="2:26" ht="45" customHeight="1" thickBot="1">
      <c r="B27" s="622" t="s">
        <v>508</v>
      </c>
      <c r="C27" s="623"/>
      <c r="D27" s="624">
        <v>80.7</v>
      </c>
      <c r="E27" s="624"/>
      <c r="F27" s="625">
        <v>80</v>
      </c>
      <c r="G27" s="625"/>
      <c r="H27" s="625">
        <v>76</v>
      </c>
      <c r="I27" s="625"/>
      <c r="J27" s="625">
        <v>75</v>
      </c>
      <c r="K27" s="625"/>
      <c r="L27" s="624">
        <v>85.3</v>
      </c>
      <c r="M27" s="633"/>
      <c r="N27" s="630">
        <v>76.693766937669366</v>
      </c>
      <c r="O27" s="631"/>
      <c r="P27" s="158"/>
      <c r="R27" s="158"/>
      <c r="T27" s="158"/>
      <c r="V27" s="158"/>
      <c r="X27" s="158"/>
      <c r="Z27" s="158"/>
    </row>
    <row r="28" spans="2:26" s="376" customFormat="1" ht="45" customHeight="1" thickBot="1">
      <c r="B28" s="370"/>
      <c r="C28" s="371"/>
      <c r="D28" s="372" t="s">
        <v>1</v>
      </c>
      <c r="E28" s="354" t="s">
        <v>543</v>
      </c>
      <c r="F28" s="355" t="s">
        <v>1</v>
      </c>
      <c r="G28" s="354" t="s">
        <v>546</v>
      </c>
      <c r="H28" s="355" t="s">
        <v>1</v>
      </c>
      <c r="I28" s="354" t="s">
        <v>543</v>
      </c>
      <c r="J28" s="355" t="s">
        <v>1</v>
      </c>
      <c r="K28" s="354" t="s">
        <v>543</v>
      </c>
      <c r="L28" s="355" t="s">
        <v>1</v>
      </c>
      <c r="M28" s="373" t="s">
        <v>546</v>
      </c>
      <c r="N28" s="374" t="s">
        <v>1</v>
      </c>
      <c r="O28" s="375" t="s">
        <v>547</v>
      </c>
    </row>
    <row r="29" spans="2:26" ht="45" customHeight="1" thickTop="1">
      <c r="B29" s="619" t="s">
        <v>58</v>
      </c>
      <c r="C29" s="358" t="s">
        <v>416</v>
      </c>
      <c r="D29" s="184">
        <v>2</v>
      </c>
      <c r="E29" s="205">
        <v>4.3478260869565215</v>
      </c>
      <c r="F29" s="184">
        <v>2</v>
      </c>
      <c r="G29" s="205">
        <v>4.5454545454545459</v>
      </c>
      <c r="H29" s="184">
        <v>0</v>
      </c>
      <c r="I29" s="205">
        <v>0</v>
      </c>
      <c r="J29" s="184">
        <v>0</v>
      </c>
      <c r="K29" s="205">
        <v>0</v>
      </c>
      <c r="L29" s="184">
        <v>3</v>
      </c>
      <c r="M29" s="377">
        <v>10.344827586206897</v>
      </c>
      <c r="N29" s="254">
        <v>16</v>
      </c>
      <c r="O29" s="206">
        <v>2.8268551236749118</v>
      </c>
      <c r="P29" s="158"/>
      <c r="R29" s="158"/>
      <c r="T29" s="158"/>
      <c r="V29" s="158"/>
      <c r="X29" s="158"/>
      <c r="Z29" s="158"/>
    </row>
    <row r="30" spans="2:26" ht="45" customHeight="1">
      <c r="B30" s="620"/>
      <c r="C30" s="360" t="s">
        <v>510</v>
      </c>
      <c r="D30" s="170">
        <v>5</v>
      </c>
      <c r="E30" s="208">
        <v>10.869565217391305</v>
      </c>
      <c r="F30" s="170">
        <v>12</v>
      </c>
      <c r="G30" s="208">
        <v>27.27272727272727</v>
      </c>
      <c r="H30" s="170">
        <v>6</v>
      </c>
      <c r="I30" s="208">
        <v>15.789473684210526</v>
      </c>
      <c r="J30" s="170">
        <v>16</v>
      </c>
      <c r="K30" s="208">
        <v>31.372549019607842</v>
      </c>
      <c r="L30" s="170">
        <v>5</v>
      </c>
      <c r="M30" s="378">
        <v>17.241379310344829</v>
      </c>
      <c r="N30" s="178">
        <v>103</v>
      </c>
      <c r="O30" s="179">
        <v>18.197879858657242</v>
      </c>
      <c r="P30" s="158"/>
      <c r="R30" s="158"/>
      <c r="T30" s="158"/>
      <c r="V30" s="158"/>
      <c r="X30" s="158"/>
      <c r="Z30" s="158"/>
    </row>
    <row r="31" spans="2:26" ht="45" customHeight="1">
      <c r="B31" s="620"/>
      <c r="C31" s="360" t="s">
        <v>417</v>
      </c>
      <c r="D31" s="170">
        <v>12</v>
      </c>
      <c r="E31" s="208">
        <v>26.086956521739129</v>
      </c>
      <c r="F31" s="170">
        <v>7</v>
      </c>
      <c r="G31" s="208">
        <v>15.909090909090908</v>
      </c>
      <c r="H31" s="170">
        <v>3</v>
      </c>
      <c r="I31" s="208">
        <v>7.8947368421052628</v>
      </c>
      <c r="J31" s="170">
        <v>5</v>
      </c>
      <c r="K31" s="208">
        <v>9.8039215686274517</v>
      </c>
      <c r="L31" s="170">
        <v>3</v>
      </c>
      <c r="M31" s="378">
        <v>10.344827586206897</v>
      </c>
      <c r="N31" s="178">
        <v>79</v>
      </c>
      <c r="O31" s="179">
        <v>13.957597173144876</v>
      </c>
      <c r="P31" s="158"/>
      <c r="R31" s="158"/>
      <c r="T31" s="158"/>
      <c r="V31" s="158"/>
      <c r="X31" s="158"/>
      <c r="Z31" s="158"/>
    </row>
    <row r="32" spans="2:26" ht="45" customHeight="1">
      <c r="B32" s="620"/>
      <c r="C32" s="360" t="s">
        <v>418</v>
      </c>
      <c r="D32" s="170">
        <v>11</v>
      </c>
      <c r="E32" s="208">
        <v>23.913043478260871</v>
      </c>
      <c r="F32" s="170">
        <v>8</v>
      </c>
      <c r="G32" s="208">
        <v>18.181818181818183</v>
      </c>
      <c r="H32" s="170">
        <v>11</v>
      </c>
      <c r="I32" s="208">
        <v>28.947368421052634</v>
      </c>
      <c r="J32" s="170">
        <v>12</v>
      </c>
      <c r="K32" s="208">
        <v>23.52941176470588</v>
      </c>
      <c r="L32" s="170">
        <v>6</v>
      </c>
      <c r="M32" s="378">
        <v>20.689655172413794</v>
      </c>
      <c r="N32" s="178">
        <v>157</v>
      </c>
      <c r="O32" s="179">
        <v>27.738515901060069</v>
      </c>
      <c r="P32" s="158"/>
      <c r="R32" s="158"/>
      <c r="T32" s="158"/>
      <c r="V32" s="158"/>
      <c r="X32" s="158"/>
      <c r="Z32" s="158"/>
    </row>
    <row r="33" spans="2:26" ht="45" customHeight="1" thickBot="1">
      <c r="B33" s="632"/>
      <c r="C33" s="363" t="s">
        <v>420</v>
      </c>
      <c r="D33" s="241">
        <v>16</v>
      </c>
      <c r="E33" s="365">
        <v>34.782608695652172</v>
      </c>
      <c r="F33" s="241">
        <v>15</v>
      </c>
      <c r="G33" s="365">
        <v>34.090909090909086</v>
      </c>
      <c r="H33" s="241">
        <v>18</v>
      </c>
      <c r="I33" s="365">
        <v>47.368421052631575</v>
      </c>
      <c r="J33" s="241">
        <v>18</v>
      </c>
      <c r="K33" s="365">
        <v>35.294117647058826</v>
      </c>
      <c r="L33" s="241">
        <v>12</v>
      </c>
      <c r="M33" s="379">
        <v>41.379310344827587</v>
      </c>
      <c r="N33" s="276">
        <v>211</v>
      </c>
      <c r="O33" s="366">
        <v>37.279151943462892</v>
      </c>
      <c r="P33" s="158"/>
      <c r="R33" s="158"/>
      <c r="T33" s="158"/>
      <c r="V33" s="158"/>
      <c r="X33" s="158"/>
      <c r="Z33" s="158"/>
    </row>
    <row r="34" spans="2:26" ht="45" customHeight="1" thickTop="1">
      <c r="B34" s="619" t="s">
        <v>512</v>
      </c>
      <c r="C34" s="358" t="s">
        <v>8</v>
      </c>
      <c r="D34" s="184">
        <v>14</v>
      </c>
      <c r="E34" s="205">
        <v>30.434782608695656</v>
      </c>
      <c r="F34" s="184">
        <v>8</v>
      </c>
      <c r="G34" s="205">
        <v>18.181818181818183</v>
      </c>
      <c r="H34" s="184">
        <v>7</v>
      </c>
      <c r="I34" s="205">
        <v>18.421052631578945</v>
      </c>
      <c r="J34" s="184">
        <v>23</v>
      </c>
      <c r="K34" s="205">
        <v>45.098039215686278</v>
      </c>
      <c r="L34" s="184">
        <v>14</v>
      </c>
      <c r="M34" s="377">
        <v>48.275862068965516</v>
      </c>
      <c r="N34" s="254">
        <v>162</v>
      </c>
      <c r="O34" s="206">
        <v>28.621908127208478</v>
      </c>
      <c r="P34" s="158"/>
      <c r="R34" s="158"/>
      <c r="T34" s="158"/>
      <c r="V34" s="158"/>
      <c r="X34" s="158"/>
      <c r="Z34" s="158"/>
    </row>
    <row r="35" spans="2:26" ht="45" customHeight="1">
      <c r="B35" s="620"/>
      <c r="C35" s="360" t="s">
        <v>9</v>
      </c>
      <c r="D35" s="170">
        <v>20</v>
      </c>
      <c r="E35" s="208">
        <v>43.478260869565219</v>
      </c>
      <c r="F35" s="170">
        <v>27</v>
      </c>
      <c r="G35" s="208">
        <v>61.363636363636367</v>
      </c>
      <c r="H35" s="170">
        <v>23</v>
      </c>
      <c r="I35" s="208">
        <v>60.526315789473685</v>
      </c>
      <c r="J35" s="170">
        <v>23</v>
      </c>
      <c r="K35" s="208">
        <v>45.098039215686278</v>
      </c>
      <c r="L35" s="170">
        <v>13</v>
      </c>
      <c r="M35" s="378">
        <v>44.827586206896555</v>
      </c>
      <c r="N35" s="178">
        <v>287</v>
      </c>
      <c r="O35" s="179">
        <v>50.706713780918733</v>
      </c>
      <c r="P35" s="158"/>
      <c r="R35" s="158"/>
      <c r="T35" s="158"/>
      <c r="V35" s="158"/>
      <c r="X35" s="158"/>
      <c r="Z35" s="158"/>
    </row>
    <row r="36" spans="2:26" ht="45" customHeight="1">
      <c r="B36" s="620"/>
      <c r="C36" s="360" t="s">
        <v>10</v>
      </c>
      <c r="D36" s="170">
        <v>9</v>
      </c>
      <c r="E36" s="208">
        <v>19.565217391304348</v>
      </c>
      <c r="F36" s="170">
        <v>7</v>
      </c>
      <c r="G36" s="208">
        <v>15.909090909090908</v>
      </c>
      <c r="H36" s="170">
        <v>7</v>
      </c>
      <c r="I36" s="208">
        <v>18.421052631578945</v>
      </c>
      <c r="J36" s="170">
        <v>4</v>
      </c>
      <c r="K36" s="208">
        <v>7.8431372549019605</v>
      </c>
      <c r="L36" s="170">
        <v>2</v>
      </c>
      <c r="M36" s="378">
        <v>6.8965517241379306</v>
      </c>
      <c r="N36" s="178">
        <v>86</v>
      </c>
      <c r="O36" s="179">
        <v>15.19434628975265</v>
      </c>
      <c r="P36" s="158"/>
      <c r="R36" s="158"/>
      <c r="T36" s="158"/>
      <c r="V36" s="158"/>
      <c r="X36" s="158"/>
      <c r="Z36" s="158"/>
    </row>
    <row r="37" spans="2:26" ht="45" customHeight="1">
      <c r="B37" s="620"/>
      <c r="C37" s="360" t="s">
        <v>11</v>
      </c>
      <c r="D37" s="170">
        <v>3</v>
      </c>
      <c r="E37" s="208">
        <v>6.5217391304347823</v>
      </c>
      <c r="F37" s="170">
        <v>1</v>
      </c>
      <c r="G37" s="208">
        <v>2.2727272727272729</v>
      </c>
      <c r="H37" s="170">
        <v>1</v>
      </c>
      <c r="I37" s="208">
        <v>2.6315789473684208</v>
      </c>
      <c r="J37" s="170">
        <v>1</v>
      </c>
      <c r="K37" s="208">
        <v>1.9607843137254901</v>
      </c>
      <c r="L37" s="170">
        <v>0</v>
      </c>
      <c r="M37" s="378">
        <v>0</v>
      </c>
      <c r="N37" s="178">
        <v>19</v>
      </c>
      <c r="O37" s="179">
        <v>3.3568904593639579</v>
      </c>
      <c r="P37" s="158"/>
      <c r="R37" s="158"/>
      <c r="T37" s="158"/>
      <c r="V37" s="158"/>
      <c r="X37" s="158"/>
      <c r="Z37" s="158"/>
    </row>
    <row r="38" spans="2:26" ht="45" customHeight="1" thickBot="1">
      <c r="B38" s="632"/>
      <c r="C38" s="363" t="s">
        <v>12</v>
      </c>
      <c r="D38" s="241">
        <v>0</v>
      </c>
      <c r="E38" s="365">
        <v>0</v>
      </c>
      <c r="F38" s="241">
        <v>1</v>
      </c>
      <c r="G38" s="365">
        <v>2.2727272727272729</v>
      </c>
      <c r="H38" s="241">
        <v>0</v>
      </c>
      <c r="I38" s="365">
        <v>0</v>
      </c>
      <c r="J38" s="241">
        <v>0</v>
      </c>
      <c r="K38" s="365">
        <v>0</v>
      </c>
      <c r="L38" s="241">
        <v>0</v>
      </c>
      <c r="M38" s="379">
        <v>0</v>
      </c>
      <c r="N38" s="276">
        <v>12</v>
      </c>
      <c r="O38" s="366">
        <v>2.1201413427561837</v>
      </c>
      <c r="P38" s="158"/>
      <c r="R38" s="158"/>
      <c r="T38" s="158"/>
      <c r="V38" s="158"/>
      <c r="X38" s="158"/>
      <c r="Z38" s="158"/>
    </row>
    <row r="39" spans="2:26" ht="45" customHeight="1" thickTop="1">
      <c r="B39" s="619" t="s">
        <v>509</v>
      </c>
      <c r="C39" s="358" t="s">
        <v>13</v>
      </c>
      <c r="D39" s="184">
        <v>1</v>
      </c>
      <c r="E39" s="205">
        <v>2.1739130434782608</v>
      </c>
      <c r="F39" s="184">
        <v>1</v>
      </c>
      <c r="G39" s="205">
        <v>2.2727272727272729</v>
      </c>
      <c r="H39" s="184">
        <v>2</v>
      </c>
      <c r="I39" s="205">
        <v>5.2631578947368416</v>
      </c>
      <c r="J39" s="184">
        <v>2</v>
      </c>
      <c r="K39" s="205">
        <v>3.9215686274509802</v>
      </c>
      <c r="L39" s="184">
        <v>2</v>
      </c>
      <c r="M39" s="377">
        <v>6.8965517241379306</v>
      </c>
      <c r="N39" s="254">
        <v>14</v>
      </c>
      <c r="O39" s="206">
        <v>2.4734982332155475</v>
      </c>
      <c r="P39" s="158"/>
      <c r="R39" s="158"/>
      <c r="T39" s="158"/>
      <c r="V39" s="158"/>
      <c r="X39" s="158"/>
      <c r="Z39" s="158"/>
    </row>
    <row r="40" spans="2:26" ht="45" customHeight="1">
      <c r="B40" s="620"/>
      <c r="C40" s="360" t="s">
        <v>14</v>
      </c>
      <c r="D40" s="170">
        <v>3</v>
      </c>
      <c r="E40" s="208">
        <v>6.5217391304347823</v>
      </c>
      <c r="F40" s="170">
        <v>5</v>
      </c>
      <c r="G40" s="208">
        <v>11.363636363636363</v>
      </c>
      <c r="H40" s="170">
        <v>3</v>
      </c>
      <c r="I40" s="208">
        <v>7.8947368421052628</v>
      </c>
      <c r="J40" s="170">
        <v>14</v>
      </c>
      <c r="K40" s="208">
        <v>27.450980392156865</v>
      </c>
      <c r="L40" s="170">
        <v>5</v>
      </c>
      <c r="M40" s="378">
        <v>17.241379310344829</v>
      </c>
      <c r="N40" s="178">
        <v>68</v>
      </c>
      <c r="O40" s="179">
        <v>12.014134275618375</v>
      </c>
      <c r="P40" s="158"/>
      <c r="R40" s="158"/>
      <c r="T40" s="158"/>
      <c r="V40" s="158"/>
      <c r="X40" s="158"/>
      <c r="Z40" s="158"/>
    </row>
    <row r="41" spans="2:26" ht="45" customHeight="1">
      <c r="B41" s="620"/>
      <c r="C41" s="360" t="s">
        <v>15</v>
      </c>
      <c r="D41" s="170">
        <v>13</v>
      </c>
      <c r="E41" s="208">
        <v>28.260869565217391</v>
      </c>
      <c r="F41" s="170">
        <v>11</v>
      </c>
      <c r="G41" s="208">
        <v>25</v>
      </c>
      <c r="H41" s="170">
        <v>12</v>
      </c>
      <c r="I41" s="208">
        <v>31.578947368421051</v>
      </c>
      <c r="J41" s="170">
        <v>15</v>
      </c>
      <c r="K41" s="208">
        <v>29.411764705882355</v>
      </c>
      <c r="L41" s="170">
        <v>6</v>
      </c>
      <c r="M41" s="378">
        <v>20.689655172413794</v>
      </c>
      <c r="N41" s="178">
        <v>151</v>
      </c>
      <c r="O41" s="179">
        <v>26.67844522968198</v>
      </c>
      <c r="P41" s="158"/>
      <c r="R41" s="158"/>
      <c r="T41" s="158"/>
      <c r="V41" s="158"/>
      <c r="X41" s="158"/>
      <c r="Z41" s="158"/>
    </row>
    <row r="42" spans="2:26" ht="45" customHeight="1">
      <c r="B42" s="620"/>
      <c r="C42" s="360" t="s">
        <v>9</v>
      </c>
      <c r="D42" s="170">
        <v>10</v>
      </c>
      <c r="E42" s="208">
        <v>21.739130434782609</v>
      </c>
      <c r="F42" s="170">
        <v>11</v>
      </c>
      <c r="G42" s="208">
        <v>25</v>
      </c>
      <c r="H42" s="170">
        <v>10</v>
      </c>
      <c r="I42" s="208">
        <v>26.315789473684209</v>
      </c>
      <c r="J42" s="170">
        <v>4</v>
      </c>
      <c r="K42" s="208">
        <v>7.8431372549019605</v>
      </c>
      <c r="L42" s="170">
        <v>7</v>
      </c>
      <c r="M42" s="378">
        <v>24.137931034482758</v>
      </c>
      <c r="N42" s="178">
        <v>145</v>
      </c>
      <c r="O42" s="179">
        <v>25.618374558303884</v>
      </c>
      <c r="P42" s="158"/>
      <c r="R42" s="158"/>
      <c r="T42" s="158"/>
      <c r="V42" s="158"/>
      <c r="X42" s="158"/>
      <c r="Z42" s="158"/>
    </row>
    <row r="43" spans="2:26" ht="45" customHeight="1">
      <c r="B43" s="620"/>
      <c r="C43" s="360" t="s">
        <v>16</v>
      </c>
      <c r="D43" s="170">
        <v>3</v>
      </c>
      <c r="E43" s="208">
        <v>6.5217391304347823</v>
      </c>
      <c r="F43" s="170">
        <v>1</v>
      </c>
      <c r="G43" s="208">
        <v>2.2727272727272729</v>
      </c>
      <c r="H43" s="170">
        <v>1</v>
      </c>
      <c r="I43" s="208">
        <v>2.6315789473684208</v>
      </c>
      <c r="J43" s="170">
        <v>0</v>
      </c>
      <c r="K43" s="208">
        <v>0</v>
      </c>
      <c r="L43" s="170">
        <v>0</v>
      </c>
      <c r="M43" s="378">
        <v>0</v>
      </c>
      <c r="N43" s="178">
        <v>42</v>
      </c>
      <c r="O43" s="179">
        <v>7.4204946996466434</v>
      </c>
      <c r="P43" s="158"/>
      <c r="R43" s="158"/>
      <c r="T43" s="158"/>
      <c r="V43" s="158"/>
      <c r="X43" s="158"/>
      <c r="Z43" s="158"/>
    </row>
    <row r="44" spans="2:26" ht="45" customHeight="1" thickBot="1">
      <c r="B44" s="621"/>
      <c r="C44" s="368" t="s">
        <v>43</v>
      </c>
      <c r="D44" s="174">
        <v>16</v>
      </c>
      <c r="E44" s="210">
        <v>34.782608695652172</v>
      </c>
      <c r="F44" s="174">
        <v>15</v>
      </c>
      <c r="G44" s="210">
        <v>34.090909090909086</v>
      </c>
      <c r="H44" s="174">
        <v>10</v>
      </c>
      <c r="I44" s="210">
        <v>26.315789473684209</v>
      </c>
      <c r="J44" s="174">
        <v>16</v>
      </c>
      <c r="K44" s="210">
        <v>31.372549019607842</v>
      </c>
      <c r="L44" s="174">
        <v>9</v>
      </c>
      <c r="M44" s="380">
        <v>31.03448275862069</v>
      </c>
      <c r="N44" s="180">
        <v>146</v>
      </c>
      <c r="O44" s="181">
        <v>25.795053003533567</v>
      </c>
      <c r="P44" s="158"/>
      <c r="R44" s="158"/>
      <c r="T44" s="158"/>
      <c r="V44" s="158"/>
      <c r="X44" s="158"/>
      <c r="Z44" s="158"/>
    </row>
  </sheetData>
  <mergeCells count="62">
    <mergeCell ref="N2:O2"/>
    <mergeCell ref="B3:C3"/>
    <mergeCell ref="D3:E3"/>
    <mergeCell ref="F3:G3"/>
    <mergeCell ref="H3:I3"/>
    <mergeCell ref="J3:K3"/>
    <mergeCell ref="L3:M3"/>
    <mergeCell ref="N3:O3"/>
    <mergeCell ref="B2:C2"/>
    <mergeCell ref="D2:E2"/>
    <mergeCell ref="F2:G2"/>
    <mergeCell ref="H2:I2"/>
    <mergeCell ref="J2:K2"/>
    <mergeCell ref="L2:M2"/>
    <mergeCell ref="N4:O4"/>
    <mergeCell ref="B5:C5"/>
    <mergeCell ref="D5:E5"/>
    <mergeCell ref="F5:G5"/>
    <mergeCell ref="H5:I5"/>
    <mergeCell ref="J5:K5"/>
    <mergeCell ref="L5:M5"/>
    <mergeCell ref="N5:O5"/>
    <mergeCell ref="B4:C4"/>
    <mergeCell ref="D4:E4"/>
    <mergeCell ref="F4:G4"/>
    <mergeCell ref="H4:I4"/>
    <mergeCell ref="J4:K4"/>
    <mergeCell ref="L4:M4"/>
    <mergeCell ref="B7:B11"/>
    <mergeCell ref="B12:B16"/>
    <mergeCell ref="B17:B22"/>
    <mergeCell ref="B24:C24"/>
    <mergeCell ref="D24:E24"/>
    <mergeCell ref="H24:I24"/>
    <mergeCell ref="J24:K24"/>
    <mergeCell ref="L24:M24"/>
    <mergeCell ref="N24:O24"/>
    <mergeCell ref="B25:C25"/>
    <mergeCell ref="D25:E25"/>
    <mergeCell ref="F25:G25"/>
    <mergeCell ref="H25:I25"/>
    <mergeCell ref="J25:K25"/>
    <mergeCell ref="L25:M25"/>
    <mergeCell ref="F24:G24"/>
    <mergeCell ref="N25:O25"/>
    <mergeCell ref="L26:M26"/>
    <mergeCell ref="N26:O26"/>
    <mergeCell ref="N27:O27"/>
    <mergeCell ref="B29:B33"/>
    <mergeCell ref="B34:B38"/>
    <mergeCell ref="J27:K27"/>
    <mergeCell ref="L27:M27"/>
    <mergeCell ref="B26:C26"/>
    <mergeCell ref="D26:E26"/>
    <mergeCell ref="F26:G26"/>
    <mergeCell ref="H26:I26"/>
    <mergeCell ref="J26:K26"/>
    <mergeCell ref="B39:B44"/>
    <mergeCell ref="B27:C27"/>
    <mergeCell ref="D27:E27"/>
    <mergeCell ref="F27:G27"/>
    <mergeCell ref="H27:I27"/>
  </mergeCells>
  <phoneticPr fontId="1"/>
  <pageMargins left="0.98425196850393704" right="0.78740157480314965" top="0.94488188976377963" bottom="0.74803149606299213" header="0.31496062992125984" footer="0.31496062992125984"/>
  <pageSetup paperSize="9" scale="50" fitToHeight="2" orientation="landscape" r:id="rId1"/>
  <headerFooter scaleWithDoc="0" alignWithMargins="0">
    <oddFooter>&amp;C&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J32"/>
  <sheetViews>
    <sheetView view="pageBreakPreview" zoomScale="50" zoomScaleNormal="100" zoomScaleSheetLayoutView="50" workbookViewId="0">
      <selection activeCell="B3" sqref="B3"/>
    </sheetView>
  </sheetViews>
  <sheetFormatPr defaultColWidth="9" defaultRowHeight="45" customHeight="1"/>
  <cols>
    <col min="1" max="1" width="5.125" style="316" customWidth="1"/>
    <col min="2" max="2" width="21" style="316" customWidth="1"/>
    <col min="3" max="9" width="19.625" style="316" customWidth="1"/>
    <col min="10" max="10" width="21" style="316" customWidth="1"/>
    <col min="11" max="16384" width="9" style="316"/>
  </cols>
  <sheetData>
    <row r="1" spans="1:8" ht="45" customHeight="1">
      <c r="A1" s="433" t="s">
        <v>580</v>
      </c>
    </row>
    <row r="2" spans="1:8" ht="45" customHeight="1" thickBot="1">
      <c r="B2" s="316" t="s">
        <v>587</v>
      </c>
    </row>
    <row r="3" spans="1:8" ht="45" customHeight="1" thickBot="1">
      <c r="B3" s="504"/>
      <c r="C3" s="405" t="s">
        <v>22</v>
      </c>
      <c r="D3" s="505" t="s">
        <v>21</v>
      </c>
      <c r="E3" s="505" t="s">
        <v>20</v>
      </c>
      <c r="F3" s="404" t="s">
        <v>19</v>
      </c>
      <c r="G3" s="506" t="s">
        <v>18</v>
      </c>
    </row>
    <row r="4" spans="1:8" ht="45" customHeight="1" thickTop="1">
      <c r="B4" s="507" t="s">
        <v>548</v>
      </c>
      <c r="C4" s="508">
        <v>10</v>
      </c>
      <c r="D4" s="509">
        <v>0</v>
      </c>
      <c r="E4" s="510">
        <v>604</v>
      </c>
      <c r="F4" s="511">
        <v>26</v>
      </c>
      <c r="G4" s="512">
        <v>640</v>
      </c>
    </row>
    <row r="5" spans="1:8" ht="45" customHeight="1" thickBot="1">
      <c r="B5" s="513" t="s">
        <v>549</v>
      </c>
      <c r="C5" s="514">
        <v>9</v>
      </c>
      <c r="D5" s="515">
        <v>4</v>
      </c>
      <c r="E5" s="516">
        <v>402</v>
      </c>
      <c r="F5" s="517">
        <v>22</v>
      </c>
      <c r="G5" s="518">
        <v>437</v>
      </c>
    </row>
    <row r="6" spans="1:8" ht="45" customHeight="1" thickTop="1" thickBot="1">
      <c r="B6" s="519" t="s">
        <v>274</v>
      </c>
      <c r="C6" s="520">
        <v>19</v>
      </c>
      <c r="D6" s="520">
        <v>4</v>
      </c>
      <c r="E6" s="521">
        <v>1006</v>
      </c>
      <c r="F6" s="520">
        <v>48</v>
      </c>
      <c r="G6" s="522">
        <v>1077</v>
      </c>
    </row>
    <row r="7" spans="1:8" ht="22.5" customHeight="1"/>
    <row r="8" spans="1:8" ht="45" customHeight="1" thickBot="1">
      <c r="B8" s="315" t="s">
        <v>553</v>
      </c>
    </row>
    <row r="9" spans="1:8" s="476" customFormat="1" ht="48.75" thickBot="1">
      <c r="B9" s="523"/>
      <c r="C9" s="405" t="s">
        <v>3</v>
      </c>
      <c r="D9" s="524" t="s">
        <v>52</v>
      </c>
      <c r="E9" s="524" t="s">
        <v>4</v>
      </c>
      <c r="F9" s="505" t="s">
        <v>5</v>
      </c>
      <c r="G9" s="421" t="s">
        <v>421</v>
      </c>
    </row>
    <row r="10" spans="1:8" ht="45" customHeight="1" thickTop="1">
      <c r="B10" s="507" t="s">
        <v>548</v>
      </c>
      <c r="C10" s="525">
        <v>5</v>
      </c>
      <c r="D10" s="255">
        <v>82</v>
      </c>
      <c r="E10" s="255">
        <v>119</v>
      </c>
      <c r="F10" s="255">
        <v>341</v>
      </c>
      <c r="G10" s="526">
        <v>93</v>
      </c>
    </row>
    <row r="11" spans="1:8" ht="45" customHeight="1" thickBot="1">
      <c r="B11" s="513" t="s">
        <v>549</v>
      </c>
      <c r="C11" s="527">
        <v>8</v>
      </c>
      <c r="D11" s="528">
        <v>30</v>
      </c>
      <c r="E11" s="528">
        <v>99</v>
      </c>
      <c r="F11" s="528">
        <v>252</v>
      </c>
      <c r="G11" s="529">
        <v>48</v>
      </c>
    </row>
    <row r="12" spans="1:8" ht="45" customHeight="1" thickTop="1" thickBot="1">
      <c r="B12" s="530" t="s">
        <v>550</v>
      </c>
      <c r="C12" s="531">
        <v>13</v>
      </c>
      <c r="D12" s="531">
        <v>112</v>
      </c>
      <c r="E12" s="531">
        <v>218</v>
      </c>
      <c r="F12" s="531">
        <v>593</v>
      </c>
      <c r="G12" s="532">
        <v>141</v>
      </c>
    </row>
    <row r="13" spans="1:8" ht="45" customHeight="1">
      <c r="B13" s="533" t="s">
        <v>351</v>
      </c>
      <c r="C13" s="381">
        <v>1.2070566388115136</v>
      </c>
      <c r="D13" s="381">
        <v>10.399257195914577</v>
      </c>
      <c r="E13" s="381">
        <v>20.2414113277623</v>
      </c>
      <c r="F13" s="381">
        <v>55.060352831940577</v>
      </c>
      <c r="G13" s="534">
        <v>13.09192200557103</v>
      </c>
      <c r="H13" s="414"/>
    </row>
    <row r="14" spans="1:8" ht="45" customHeight="1" thickBot="1">
      <c r="B14" s="535" t="s">
        <v>358</v>
      </c>
      <c r="C14" s="536">
        <v>0.2</v>
      </c>
      <c r="D14" s="537">
        <v>14.5</v>
      </c>
      <c r="E14" s="537">
        <v>24.7</v>
      </c>
      <c r="F14" s="537">
        <v>60.2</v>
      </c>
      <c r="G14" s="538">
        <v>0.5</v>
      </c>
    </row>
    <row r="15" spans="1:8" ht="22.5" customHeight="1"/>
    <row r="16" spans="1:8" ht="45" customHeight="1" thickBot="1">
      <c r="B16" s="315" t="s">
        <v>554</v>
      </c>
    </row>
    <row r="17" spans="2:10" s="544" customFormat="1" ht="52.5" customHeight="1" thickBot="1">
      <c r="B17" s="539"/>
      <c r="C17" s="540" t="s">
        <v>514</v>
      </c>
      <c r="D17" s="541" t="s">
        <v>56</v>
      </c>
      <c r="E17" s="540" t="s">
        <v>423</v>
      </c>
      <c r="F17" s="542" t="s">
        <v>42</v>
      </c>
      <c r="G17" s="541" t="s">
        <v>422</v>
      </c>
      <c r="H17" s="540" t="s">
        <v>569</v>
      </c>
      <c r="I17" s="540" t="s">
        <v>57</v>
      </c>
      <c r="J17" s="543" t="s">
        <v>556</v>
      </c>
    </row>
    <row r="18" spans="2:10" ht="45" customHeight="1" thickTop="1">
      <c r="B18" s="507" t="s">
        <v>552</v>
      </c>
      <c r="C18" s="414">
        <v>290</v>
      </c>
      <c r="D18" s="255">
        <v>220</v>
      </c>
      <c r="E18" s="481">
        <v>91</v>
      </c>
      <c r="F18" s="481">
        <v>82</v>
      </c>
      <c r="G18" s="499">
        <v>49</v>
      </c>
      <c r="H18" s="481">
        <v>34</v>
      </c>
      <c r="I18" s="481">
        <v>12</v>
      </c>
      <c r="J18" s="526">
        <v>119</v>
      </c>
    </row>
    <row r="19" spans="2:10" ht="45" customHeight="1">
      <c r="B19" s="478" t="s">
        <v>351</v>
      </c>
      <c r="C19" s="382">
        <v>32.329988851727983</v>
      </c>
      <c r="D19" s="383">
        <v>24.526198439241917</v>
      </c>
      <c r="E19" s="383">
        <v>10.144927536231885</v>
      </c>
      <c r="F19" s="383">
        <v>9.1415830546265333</v>
      </c>
      <c r="G19" s="383">
        <v>5.4626532887402455</v>
      </c>
      <c r="H19" s="383">
        <v>3.79041248606466</v>
      </c>
      <c r="I19" s="383">
        <v>1.3377926421404682</v>
      </c>
      <c r="J19" s="384">
        <v>13.26644370122631</v>
      </c>
    </row>
    <row r="20" spans="2:10" ht="45" customHeight="1" thickBot="1">
      <c r="B20" s="545" t="s">
        <v>358</v>
      </c>
      <c r="C20" s="342">
        <v>26</v>
      </c>
      <c r="D20" s="537">
        <v>23.1</v>
      </c>
      <c r="E20" s="537">
        <v>15.1</v>
      </c>
      <c r="F20" s="537">
        <v>6.8</v>
      </c>
      <c r="G20" s="537">
        <v>3.8</v>
      </c>
      <c r="H20" s="537">
        <v>8.6</v>
      </c>
      <c r="I20" s="537">
        <v>1.1000000000000001</v>
      </c>
      <c r="J20" s="538">
        <v>15.4</v>
      </c>
    </row>
    <row r="21" spans="2:10" ht="27.75" customHeight="1"/>
    <row r="22" spans="2:10" ht="45" customHeight="1" thickBot="1">
      <c r="B22" s="316" t="s">
        <v>555</v>
      </c>
      <c r="E22" s="546"/>
    </row>
    <row r="23" spans="2:10" ht="45" customHeight="1" thickBot="1">
      <c r="B23" s="650" t="s">
        <v>266</v>
      </c>
      <c r="C23" s="651"/>
      <c r="D23" s="652"/>
      <c r="E23" s="432" t="s">
        <v>552</v>
      </c>
      <c r="F23" s="386"/>
      <c r="G23" s="386"/>
      <c r="H23" s="386"/>
      <c r="I23" s="386"/>
      <c r="J23" s="386"/>
    </row>
    <row r="24" spans="2:10" ht="45" customHeight="1" thickTop="1">
      <c r="B24" s="387" t="s">
        <v>460</v>
      </c>
      <c r="C24" s="388"/>
      <c r="D24" s="389"/>
      <c r="E24" s="390">
        <v>67</v>
      </c>
      <c r="F24" s="391"/>
      <c r="G24" s="391"/>
      <c r="H24" s="391"/>
      <c r="I24" s="391"/>
      <c r="J24" s="391"/>
    </row>
    <row r="25" spans="2:10" ht="45" customHeight="1">
      <c r="B25" s="392" t="s">
        <v>456</v>
      </c>
      <c r="C25" s="393"/>
      <c r="D25" s="394"/>
      <c r="E25" s="395">
        <v>10</v>
      </c>
      <c r="F25" s="391"/>
      <c r="G25" s="391"/>
      <c r="H25" s="391"/>
      <c r="I25" s="391"/>
      <c r="J25" s="391"/>
    </row>
    <row r="26" spans="2:10" ht="45" customHeight="1">
      <c r="B26" s="392" t="s">
        <v>457</v>
      </c>
      <c r="C26" s="393"/>
      <c r="D26" s="394"/>
      <c r="E26" s="395">
        <v>8</v>
      </c>
      <c r="F26" s="391"/>
      <c r="G26" s="391"/>
      <c r="H26" s="391"/>
      <c r="I26" s="391"/>
      <c r="J26" s="391"/>
    </row>
    <row r="27" spans="2:10" ht="45" customHeight="1">
      <c r="B27" s="392" t="s">
        <v>458</v>
      </c>
      <c r="C27" s="393"/>
      <c r="D27" s="394"/>
      <c r="E27" s="395">
        <v>2</v>
      </c>
      <c r="F27" s="391"/>
      <c r="G27" s="391"/>
      <c r="H27" s="391"/>
      <c r="I27" s="391"/>
      <c r="J27" s="391"/>
    </row>
    <row r="28" spans="2:10" ht="45" customHeight="1" thickBot="1">
      <c r="B28" s="396" t="s">
        <v>461</v>
      </c>
      <c r="C28" s="397"/>
      <c r="D28" s="398"/>
      <c r="E28" s="399">
        <v>32</v>
      </c>
      <c r="F28" s="391"/>
      <c r="G28" s="391"/>
      <c r="H28" s="391"/>
      <c r="I28" s="391"/>
      <c r="J28" s="391"/>
    </row>
    <row r="30" spans="2:10" ht="45" customHeight="1">
      <c r="B30" s="653"/>
      <c r="C30" s="653"/>
      <c r="D30" s="653"/>
      <c r="E30" s="391"/>
    </row>
    <row r="31" spans="2:10" ht="45" customHeight="1">
      <c r="B31" s="391"/>
      <c r="C31" s="391"/>
      <c r="D31" s="391"/>
      <c r="E31" s="391"/>
    </row>
    <row r="32" spans="2:10" ht="45" customHeight="1">
      <c r="B32" s="391"/>
      <c r="C32" s="391"/>
      <c r="D32" s="391"/>
      <c r="E32" s="391"/>
    </row>
  </sheetData>
  <mergeCells count="2">
    <mergeCell ref="B23:D23"/>
    <mergeCell ref="B30:D30"/>
  </mergeCells>
  <phoneticPr fontId="1"/>
  <printOptions horizontalCentered="1"/>
  <pageMargins left="0.39370078740157483" right="0.39370078740157483" top="0.94488188976377963" bottom="0.15748031496062992" header="0.31496062992125984" footer="0.31496062992125984"/>
  <pageSetup paperSize="9" scale="48" orientation="portrait" r:id="rId1"/>
  <headerFooter scaleWithDoc="0" alignWithMargins="0">
    <oddFooter>&amp;C&amp;P</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56"/>
  <sheetViews>
    <sheetView view="pageBreakPreview" zoomScale="70" zoomScaleNormal="100" zoomScaleSheetLayoutView="70" workbookViewId="0"/>
  </sheetViews>
  <sheetFormatPr defaultColWidth="9" defaultRowHeight="14.25"/>
  <cols>
    <col min="1" max="7" width="17.625" style="10" customWidth="1"/>
    <col min="8" max="8" width="5.75" style="10" customWidth="1"/>
    <col min="9" max="12" width="12.625" style="10" customWidth="1"/>
    <col min="13" max="16384" width="9" style="10"/>
  </cols>
  <sheetData>
    <row r="1" spans="1:10" ht="30" customHeight="1">
      <c r="A1" s="3" t="s">
        <v>263</v>
      </c>
    </row>
    <row r="2" spans="1:10" ht="30" customHeight="1">
      <c r="A2" s="1"/>
    </row>
    <row r="3" spans="1:10" ht="30" customHeight="1" thickBot="1">
      <c r="A3" s="7" t="s">
        <v>312</v>
      </c>
    </row>
    <row r="4" spans="1:10" ht="30" customHeight="1" thickBot="1">
      <c r="A4" s="82"/>
      <c r="B4" s="657" t="s">
        <v>98</v>
      </c>
      <c r="C4" s="658"/>
      <c r="D4" s="658"/>
      <c r="E4" s="658"/>
      <c r="F4" s="659"/>
      <c r="G4" s="78" t="s">
        <v>276</v>
      </c>
    </row>
    <row r="5" spans="1:10" ht="65.099999999999994" customHeight="1" thickTop="1">
      <c r="A5" s="85" t="s">
        <v>331</v>
      </c>
      <c r="B5" s="668" t="s">
        <v>124</v>
      </c>
      <c r="C5" s="668"/>
      <c r="D5" s="668"/>
      <c r="E5" s="668"/>
      <c r="F5" s="669"/>
      <c r="G5" s="80">
        <v>1</v>
      </c>
    </row>
    <row r="6" spans="1:10" ht="50.1" customHeight="1">
      <c r="A6" s="79" t="s">
        <v>308</v>
      </c>
      <c r="B6" s="668" t="s">
        <v>177</v>
      </c>
      <c r="C6" s="668"/>
      <c r="D6" s="668"/>
      <c r="E6" s="668"/>
      <c r="F6" s="669"/>
      <c r="G6" s="80">
        <v>1</v>
      </c>
    </row>
    <row r="7" spans="1:10" ht="50.1" customHeight="1">
      <c r="A7" s="29"/>
      <c r="B7" s="668" t="s">
        <v>306</v>
      </c>
      <c r="C7" s="668"/>
      <c r="D7" s="668"/>
      <c r="E7" s="668"/>
      <c r="F7" s="669"/>
      <c r="G7" s="80">
        <v>1</v>
      </c>
    </row>
    <row r="8" spans="1:10" ht="30" customHeight="1">
      <c r="A8" s="654" t="s">
        <v>341</v>
      </c>
      <c r="B8" s="666" t="s">
        <v>307</v>
      </c>
      <c r="C8" s="666"/>
      <c r="D8" s="666"/>
      <c r="E8" s="666"/>
      <c r="F8" s="667"/>
      <c r="G8" s="80">
        <v>1</v>
      </c>
    </row>
    <row r="9" spans="1:10" ht="30" customHeight="1">
      <c r="A9" s="654"/>
      <c r="B9" s="670" t="s">
        <v>140</v>
      </c>
      <c r="C9" s="670"/>
      <c r="D9" s="670"/>
      <c r="E9" s="670"/>
      <c r="F9" s="671"/>
      <c r="G9" s="80">
        <v>1</v>
      </c>
    </row>
    <row r="10" spans="1:10" ht="30" customHeight="1" thickBot="1">
      <c r="A10" s="83"/>
      <c r="B10" s="660" t="s">
        <v>304</v>
      </c>
      <c r="C10" s="660"/>
      <c r="D10" s="660"/>
      <c r="E10" s="660"/>
      <c r="F10" s="661"/>
      <c r="G10" s="84">
        <v>2</v>
      </c>
    </row>
    <row r="11" spans="1:10" ht="50.1" customHeight="1" thickTop="1">
      <c r="A11" s="85" t="s">
        <v>100</v>
      </c>
      <c r="B11" s="662" t="s">
        <v>139</v>
      </c>
      <c r="C11" s="662"/>
      <c r="D11" s="662"/>
      <c r="E11" s="662"/>
      <c r="F11" s="663"/>
      <c r="G11" s="86">
        <v>1</v>
      </c>
    </row>
    <row r="12" spans="1:10" ht="50.1" customHeight="1" thickBot="1">
      <c r="A12" s="87" t="s">
        <v>309</v>
      </c>
      <c r="B12" s="664" t="s">
        <v>305</v>
      </c>
      <c r="C12" s="664"/>
      <c r="D12" s="664"/>
      <c r="E12" s="664"/>
      <c r="F12" s="665"/>
      <c r="G12" s="81">
        <v>1</v>
      </c>
    </row>
    <row r="13" spans="1:10" ht="30" customHeight="1"/>
    <row r="14" spans="1:10" ht="30" customHeight="1">
      <c r="A14" s="7" t="s">
        <v>313</v>
      </c>
      <c r="B14" s="7"/>
      <c r="C14" s="7"/>
      <c r="D14" s="7" t="s">
        <v>342</v>
      </c>
      <c r="I14" s="6"/>
      <c r="J14" s="6"/>
    </row>
    <row r="15" spans="1:10" ht="30" customHeight="1">
      <c r="A15" s="88"/>
      <c r="B15" s="89" t="s">
        <v>102</v>
      </c>
      <c r="C15" s="89" t="s">
        <v>101</v>
      </c>
      <c r="D15" s="89" t="s">
        <v>96</v>
      </c>
    </row>
    <row r="16" spans="1:10" ht="30" customHeight="1">
      <c r="A16" s="89" t="s">
        <v>103</v>
      </c>
      <c r="B16" s="90">
        <v>27</v>
      </c>
      <c r="C16" s="90">
        <v>427</v>
      </c>
      <c r="D16" s="90">
        <v>9</v>
      </c>
    </row>
    <row r="17" spans="1:7" ht="30" customHeight="1">
      <c r="A17" s="89" t="s">
        <v>2</v>
      </c>
      <c r="B17" s="91">
        <f>B16/463</f>
        <v>5.8315334773218146E-2</v>
      </c>
      <c r="C17" s="91">
        <f t="shared" ref="C17:D17" si="0">C16/463</f>
        <v>0.9222462203023758</v>
      </c>
      <c r="D17" s="91">
        <f t="shared" si="0"/>
        <v>1.9438444924406047E-2</v>
      </c>
    </row>
    <row r="18" spans="1:7" ht="30" customHeight="1">
      <c r="A18" s="27"/>
      <c r="B18" s="6"/>
      <c r="C18" s="6"/>
      <c r="D18" s="6"/>
    </row>
    <row r="19" spans="1:7" ht="30" customHeight="1"/>
    <row r="20" spans="1:7" ht="30" customHeight="1">
      <c r="A20" s="8" t="s">
        <v>314</v>
      </c>
      <c r="B20" s="8"/>
      <c r="C20" s="8"/>
      <c r="D20" s="8"/>
      <c r="E20" s="6"/>
      <c r="F20" s="6"/>
      <c r="G20" s="6"/>
    </row>
    <row r="21" spans="1:7" ht="30" customHeight="1">
      <c r="A21" s="88"/>
      <c r="B21" s="89" t="s">
        <v>102</v>
      </c>
      <c r="C21" s="89" t="s">
        <v>101</v>
      </c>
      <c r="D21" s="89" t="s">
        <v>96</v>
      </c>
    </row>
    <row r="22" spans="1:7" ht="30" customHeight="1">
      <c r="A22" s="89" t="s">
        <v>103</v>
      </c>
      <c r="B22" s="90">
        <v>11</v>
      </c>
      <c r="C22" s="90">
        <v>12</v>
      </c>
      <c r="D22" s="90">
        <v>4</v>
      </c>
    </row>
    <row r="23" spans="1:7" ht="30" customHeight="1"/>
    <row r="24" spans="1:7" ht="30" customHeight="1">
      <c r="A24" s="3" t="s">
        <v>264</v>
      </c>
    </row>
    <row r="25" spans="1:7" ht="30" customHeight="1">
      <c r="A25" s="655" t="s">
        <v>105</v>
      </c>
      <c r="B25" s="656"/>
      <c r="C25" s="92" t="s">
        <v>107</v>
      </c>
    </row>
    <row r="26" spans="1:7" ht="30" customHeight="1">
      <c r="A26" s="655" t="s">
        <v>104</v>
      </c>
      <c r="B26" s="656"/>
      <c r="C26" s="90">
        <v>29</v>
      </c>
    </row>
    <row r="27" spans="1:7" ht="30" customHeight="1">
      <c r="A27" s="655" t="s">
        <v>106</v>
      </c>
      <c r="B27" s="656"/>
      <c r="C27" s="90">
        <v>154</v>
      </c>
    </row>
    <row r="28" spans="1:7" ht="30" customHeight="1"/>
    <row r="29" spans="1:7" ht="30" customHeight="1"/>
    <row r="30" spans="1:7" ht="30" customHeight="1"/>
    <row r="31" spans="1:7" ht="50.1" customHeight="1"/>
    <row r="32" spans="1:7" ht="30" customHeight="1"/>
    <row r="33" ht="30" customHeight="1"/>
    <row r="34" ht="30" customHeight="1"/>
    <row r="35" ht="30" customHeight="1"/>
    <row r="36" ht="30" customHeight="1"/>
    <row r="37" ht="30" customHeight="1"/>
    <row r="38" ht="30" customHeight="1"/>
    <row r="39" ht="30" customHeight="1"/>
    <row r="40" ht="30" customHeight="1"/>
    <row r="41" ht="30" customHeight="1"/>
    <row r="42" ht="30" customHeight="1"/>
    <row r="43" ht="30" customHeight="1"/>
    <row r="44" ht="30" customHeight="1"/>
    <row r="45" ht="30" customHeight="1"/>
    <row r="46" ht="30" customHeight="1"/>
    <row r="47" ht="30" customHeight="1"/>
    <row r="48" ht="30" customHeight="1"/>
    <row r="49" ht="30" customHeight="1"/>
    <row r="50" ht="30" customHeight="1"/>
    <row r="51" ht="30" customHeight="1"/>
    <row r="52" ht="30" customHeight="1"/>
    <row r="53" ht="30" customHeight="1"/>
    <row r="54" ht="30" customHeight="1"/>
    <row r="55" ht="30" customHeight="1"/>
    <row r="56" ht="30" customHeight="1"/>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5</vt:i4>
      </vt:variant>
      <vt:variant>
        <vt:lpstr>名前付き一覧</vt:lpstr>
      </vt:variant>
      <vt:variant>
        <vt:i4>13</vt:i4>
      </vt:variant>
    </vt:vector>
  </HeadingPairs>
  <TitlesOfParts>
    <vt:vector size="28" baseType="lpstr">
      <vt:lpstr>Ⅰ結果概要</vt:lpstr>
      <vt:lpstr>事業所の情報</vt:lpstr>
      <vt:lpstr>Ⅱ結果1.離職率</vt:lpstr>
      <vt:lpstr>1.離職率 前年との比較</vt:lpstr>
      <vt:lpstr>2.男女別・年代別・看護職以外</vt:lpstr>
      <vt:lpstr>3.退職理由 </vt:lpstr>
      <vt:lpstr>4.二次医療圏別</vt:lpstr>
      <vt:lpstr>5.経験者採用</vt:lpstr>
      <vt:lpstr>8・９.特定行為研修</vt:lpstr>
      <vt:lpstr>管理者研修無しの施設の背景</vt:lpstr>
      <vt:lpstr>１１.チラシについて</vt:lpstr>
      <vt:lpstr>6.新卒7.専門認定他8.特定行為9.講習会</vt:lpstr>
      <vt:lpstr>10.訪問看護チラシ</vt:lpstr>
      <vt:lpstr>チラシ活用</vt:lpstr>
      <vt:lpstr>チラシ意見</vt:lpstr>
      <vt:lpstr>'1.離職率 前年との比較'!Print_Area</vt:lpstr>
      <vt:lpstr>'10.訪問看護チラシ'!Print_Area</vt:lpstr>
      <vt:lpstr>'１１.チラシについて'!Print_Area</vt:lpstr>
      <vt:lpstr>'2.男女別・年代別・看護職以外'!Print_Area</vt:lpstr>
      <vt:lpstr>'3.退職理由 '!Print_Area</vt:lpstr>
      <vt:lpstr>'4.二次医療圏別'!Print_Area</vt:lpstr>
      <vt:lpstr>'5.経験者採用'!Print_Area</vt:lpstr>
      <vt:lpstr>'6.新卒7.専門認定他8.特定行為9.講習会'!Print_Area</vt:lpstr>
      <vt:lpstr>'8・９.特定行為研修'!Print_Area</vt:lpstr>
      <vt:lpstr>Ⅰ結果概要!Print_Area</vt:lpstr>
      <vt:lpstr>Ⅱ結果1.離職率!Print_Area</vt:lpstr>
      <vt:lpstr>チラシ意見!Print_Area</vt:lpstr>
      <vt:lpstr>事業所の情報!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1-01-05T06:57:09Z</cp:lastPrinted>
  <dcterms:created xsi:type="dcterms:W3CDTF">2018-09-28T04:16:35Z</dcterms:created>
  <dcterms:modified xsi:type="dcterms:W3CDTF">2021-01-08T08:03:59Z</dcterms:modified>
</cp:coreProperties>
</file>